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1"/>
  </p:sldMasterIdLst>
  <p:notesMasterIdLst>
    <p:notesMasterId r:id="rId26"/>
  </p:notesMasterIdLst>
  <p:sldIdLst>
    <p:sldId id="256" r:id="rId12"/>
    <p:sldId id="271" r:id="rId13"/>
    <p:sldId id="264" r:id="rId14"/>
    <p:sldId id="268" r:id="rId15"/>
    <p:sldId id="272" r:id="rId16"/>
    <p:sldId id="273" r:id="rId17"/>
    <p:sldId id="269" r:id="rId18"/>
    <p:sldId id="274" r:id="rId19"/>
    <p:sldId id="275" r:id="rId20"/>
    <p:sldId id="265" r:id="rId21"/>
    <p:sldId id="266" r:id="rId22"/>
    <p:sldId id="267" r:id="rId23"/>
    <p:sldId id="276" r:id="rId24"/>
    <p:sldId id="277" r:id="rId25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7" autoAdjust="0"/>
    <p:restoredTop sz="94660"/>
  </p:normalViewPr>
  <p:slideViewPr>
    <p:cSldViewPr showGuides="1">
      <p:cViewPr varScale="1">
        <p:scale>
          <a:sx n="116" d="100"/>
          <a:sy n="116" d="100"/>
        </p:scale>
        <p:origin x="102" y="70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slide" Target="slides/slide7.xml"/><Relationship Id="rId26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0.xml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5" Type="http://schemas.openxmlformats.org/officeDocument/2006/relationships/slide" Target="slides/slide14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slide" Target="slides/slide9.xml"/><Relationship Id="rId29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slide" Target="slides/slide13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23" Type="http://schemas.openxmlformats.org/officeDocument/2006/relationships/slide" Target="slides/slide12.xml"/><Relationship Id="rId28" Type="http://schemas.openxmlformats.org/officeDocument/2006/relationships/viewProps" Target="view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8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slide" Target="slides/slide1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27-04-2023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165421267" name="image" descr="{&quot;templafy&quot;:{&quot;id&quot;:&quot;02644781-5858-4299-86ae-aaa7553e5a9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523396522" name="image" descr="{&quot;templafy&quot;:{&quot;id&quot;:&quot;3d79ab12-0fc9-430a-91a6-b81c3d59d1e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2179a73b-840b-442d-bc88-d21a12b2a24e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ee96c4d8-9ea6-4ec2-a1fb-f28eca283617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573212652" name="image" descr="{&quot;templafy&quot;:{&quot;id&quot;:&quot;1c6a3c0f-d068-4ce4-9258-b51a05a5516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385627839" name="image" descr="{&quot;templafy&quot;:{&quot;id&quot;:&quot;0b8d5f16-b28a-4a94-a073-9a820f439d7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31448898" name="image" descr="{&quot;templafy&quot;:{&quot;id&quot;:&quot;b99dcfc6-aa02-4f33-afee-8eed0b6f26c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1501d6f4-592c-4d3a-8d56-423d713e2528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29" name="text" descr="{&quot;templafy&quot;:{&quot;id&quot;:&quot;364e8f35-6a4d-4a34-9d64-3904dd862bbc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30" name="text" descr="{&quot;templafy&quot;:{&quot;id&quot;:&quot;e801eb32-ae22-4958-9060-bdc547f83598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60c08f21-6e18-424b-a2f0-8c0ff5271531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813133931" name="image" descr="{&quot;templafy&quot;:{&quot;id&quot;:&quot;abff51c8-6558-4b63-8ca9-9003befcbcf7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637666451" name="image" descr="{&quot;templafy&quot;:{&quot;id&quot;:&quot;7e51fe4b-79d9-49f5-8ade-a5eab8bdf9d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1111580460" name="image" descr="{&quot;templafy&quot;:{&quot;id&quot;:&quot;cf110647-4ad6-48b1-8a91-ffcfb7c7119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9df16dcc-07a3-4fc8-9490-1493597ee9fe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10" name="text" descr="{&quot;templafy&quot;:{&quot;id&quot;:&quot;dfca86f3-6717-4644-a80f-1327bd24ebeb&quot;}}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11" name="text" descr="{&quot;templafy&quot;:{&quot;id&quot;:&quot;b1696944-d3ae-464a-b1cf-9797ea7e070c&quot;}}" hidden="1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71342f7a-f742-4332-84ae-cde5cbd98533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25782273" name="image" descr="{&quot;templafy&quot;:{&quot;id&quot;:&quot;952127c2-d1aa-4ab3-8680-47581bad351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20270672" name="image" descr="{&quot;templafy&quot;:{&quot;id&quot;:&quot;62826bdf-d1c1-466a-b32d-cdf50f5913f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054919653" name="image" descr="{&quot;templafy&quot;:{&quot;id&quot;:&quot;07ab63e0-aeeb-485b-a45b-b45b158258c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038341862" name="image" descr="{&quot;templafy&quot;:{&quot;id&quot;:&quot;f395763d-5a11-4258-9ba6-8d8e6e3f5fe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96793083" name="image" descr="{&quot;templafy&quot;:{&quot;id&quot;:&quot;eb680f83-4833-4c9f-b6da-6ca4221be62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fd0acbff-1301-4e79-bf92-044e172752e4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27" name="text" descr="{&quot;templafy&quot;:{&quot;id&quot;:&quot;f4f28eea-6cf9-40ea-92c0-d9158fd302ee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732168696" name="image" descr="{&quot;templafy&quot;:{&quot;id&quot;:&quot;8935301f-61c7-4730-9f6e-4fa6dcec531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e223d420-b184-4fc2-879e-b81a0cf9db95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15" name="text" descr="{&quot;templafy&quot;:{&quot;id&quot;:&quot;1a912fbe-cdea-42f4-bb87-ba4d6267d63a&quot;}}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16" name="text" descr="{&quot;templafy&quot;:{&quot;id&quot;:&quot;7050fb72-e38d-4ffa-85b4-b13927211086&quot;}}" hidden="1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8" name="text" descr="{&quot;templafy&quot;:{&quot;id&quot;:&quot;39e5f6a5-c7a9-49b8-bf47-d0ece1f68d36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62665425" name="image" descr="{&quot;templafy&quot;:{&quot;id&quot;:&quot;d38be59c-ac8c-4a09-b2da-9c40dfa2f89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869018422" name="image" descr="{&quot;templafy&quot;:{&quot;id&quot;:&quot;a8ec762a-4b7b-4e43-992a-841cd58bb93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68478231" name="image" descr="{&quot;templafy&quot;:{&quot;id&quot;:&quot;e0370719-0715-4d0f-9ea7-a78237975d8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55805971" name="image" descr="{&quot;templafy&quot;:{&quot;id&quot;:&quot;4e0613b5-5c69-458d-8a6c-4519ad55148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82321617" name="image" descr="{&quot;templafy&quot;:{&quot;id&quot;:&quot;39a18c8a-8e58-4e7d-b7f5-d091991f513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0" name="text" descr="{&quot;templafy&quot;:{&quot;id&quot;:&quot;b50a6672-fbec-4dd3-a7f3-36b65b9a7c56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21" name="text" descr="{&quot;templafy&quot;:{&quot;id&quot;:&quot;f1de0134-84da-4f0b-9166-6887d97465d8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690871786" name="image" descr="{&quot;templafy&quot;:{&quot;id&quot;:&quot;33044c60-3ade-4b39-9e00-bdbc19af8ff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Pladsholder til billede 2">
            <a:extLst>
              <a:ext uri="{FF2B5EF4-FFF2-40B4-BE49-F238E27FC236}">
                <a16:creationId xmlns:a16="http://schemas.microsoft.com/office/drawing/2014/main" id="{C870A587-0A3A-42CA-9458-234900FF9E4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1"/>
            <a:ext cx="12191999" cy="6858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</p:spTree>
    <p:extLst>
      <p:ext uri="{BB962C8B-B14F-4D97-AF65-F5344CB8AC3E}">
        <p14:creationId xmlns:p14="http://schemas.microsoft.com/office/powerpoint/2010/main" val="25093577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823521465" name="image" descr="{&quot;templafy&quot;:{&quot;id&quot;:&quot;70f2de1e-c673-4e66-90b1-bb1eaf529ea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d7630115-92eb-485f-be64-4348f825c1ae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Nordsjællands Hospital</a:t>
            </a:r>
          </a:p>
        </p:txBody>
      </p:sp>
      <p:sp>
        <p:nvSpPr>
          <p:cNvPr id="17" name="text" descr="{&quot;templafy&quot;:{&quot;id&quot;:&quot;5b44ab66-1280-4105-be02-e8a036352714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afdelingen</a:t>
            </a:r>
          </a:p>
        </p:txBody>
      </p:sp>
      <p:sp>
        <p:nvSpPr>
          <p:cNvPr id="19" name="text" descr="{&quot;templafy&quot;:{&quot;id&quot;:&quot;5baf3bd3-7d23-4378-96f2-14e92b4ee7fb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d42dd19f-5976-42bd-877c-fe93ff2e1eee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632410465" name="image" descr="{&quot;templafy&quot;:{&quot;id&quot;:&quot;9c150c41-5319-402f-9525-c71fc2f0fa7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627394028" name="image" descr="{&quot;templafy&quot;:{&quot;id&quot;:&quot;9528c8e3-5cb4-4a91-9d4c-365cc6466da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e56eebbb-1a4b-4506-9f9d-b793442aa247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Thomas Schmidt</a:t>
            </a:r>
          </a:p>
        </p:txBody>
      </p:sp>
      <p:sp>
        <p:nvSpPr>
          <p:cNvPr id="30" name="text" descr="{&quot;templafy&quot;:{&quot;id&quot;:&quot;e877db94-3fb6-4aff-9ab2-c758585ad964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pic>
        <p:nvPicPr>
          <p:cNvPr id="850785361" name="image" descr="{&quot;templafy&quot;:{&quot;id&quot;:&quot;6e831ace-6cfd-49d5-85fe-ec80bdbc9d9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007072669" name="image" descr="{&quot;templafy&quot;:{&quot;id&quot;:&quot;5ac63cfc-311d-4a54-9080-480384546d07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1542701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8108"/>
            <a:ext cx="116417" cy="594784"/>
          </a:xfrm>
          <a:prstGeom prst="rect">
            <a:avLst/>
          </a:prstGeom>
        </p:spPr>
      </p:pic>
      <p:pic>
        <p:nvPicPr>
          <p:cNvPr id="1490123801" name="image" descr="{&quot;templafy&quot;:{&quot;id&quot;:&quot;d9d51d9c-40be-4df4-a304-9880856561d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946ACD3F-77FE-46A7-B7B8-79E4AD64EA4A}"/>
              </a:ext>
            </a:extLst>
          </p:cNvPr>
          <p:cNvSpPr/>
          <p:nvPr userDrawn="1"/>
        </p:nvSpPr>
        <p:spPr>
          <a:xfrm>
            <a:off x="0" y="0"/>
            <a:ext cx="746415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text" descr="{&quot;templafy&quot;:{&quot;id&quot;:&quot;e791a2f8-d9b8-4c20-8936-28d955a77377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Nordsjællands Hospital</a:t>
            </a:r>
          </a:p>
        </p:txBody>
      </p:sp>
      <p:sp>
        <p:nvSpPr>
          <p:cNvPr id="17" name="text" descr="{&quot;templafy&quot;:{&quot;id&quot;:&quot;a9ad540b-9b7c-4899-9974-a2d6d0b9b9a6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Akutafdelingen</a:t>
            </a:r>
          </a:p>
        </p:txBody>
      </p:sp>
      <p:sp>
        <p:nvSpPr>
          <p:cNvPr id="19" name="text" descr="{&quot;templafy&quot;:{&quot;id&quot;:&quot;b607365a-2dd2-44c4-8f54-2380f531ce8d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2" name="text" descr="{&quot;templafy&quot;:{&quot;id&quot;:&quot;3b62de31-b1e5-45e9-b664-48339af6b8e6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09056315" name="image" descr="{&quot;templafy&quot;:{&quot;id&quot;:&quot;8d67dfdf-8419-49f3-a022-45c0457a9b2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553083220" name="image" descr="{&quot;templafy&quot;:{&quot;id&quot;:&quot;43bf7584-5094-4a8b-b4c1-377884e67d2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bef03480-275c-4b94-830a-7609e8da6c78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Thomas Schmidt</a:t>
            </a:r>
          </a:p>
        </p:txBody>
      </p:sp>
      <p:sp>
        <p:nvSpPr>
          <p:cNvPr id="30" name="text" descr="{&quot;templafy&quot;:{&quot;id&quot;:&quot;3c219a45-fa42-4c40-8f8a-c7cada8b6d4c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2" name="Titel 1">
            <a:extLst>
              <a:ext uri="{FF2B5EF4-FFF2-40B4-BE49-F238E27FC236}">
                <a16:creationId xmlns:a16="http://schemas.microsoft.com/office/drawing/2014/main" id="{4CDF0DB2-1037-4B3D-9866-85FC4F8951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6" y="872078"/>
            <a:ext cx="5209234" cy="82691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teksten vokser opad </a:t>
            </a:r>
            <a:endParaRPr lang="en-GB" dirty="0"/>
          </a:p>
        </p:txBody>
      </p:sp>
      <p:sp>
        <p:nvSpPr>
          <p:cNvPr id="33" name="Pladsholder til billede 2">
            <a:extLst>
              <a:ext uri="{FF2B5EF4-FFF2-40B4-BE49-F238E27FC236}">
                <a16:creationId xmlns:a16="http://schemas.microsoft.com/office/drawing/2014/main" id="{E4E17A79-F37E-41DA-B54E-BEA03CB50E11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64150" y="0"/>
            <a:ext cx="4723729" cy="6857447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34" name="Pladsholder til indhold 2">
            <a:extLst>
              <a:ext uri="{FF2B5EF4-FFF2-40B4-BE49-F238E27FC236}">
                <a16:creationId xmlns:a16="http://schemas.microsoft.com/office/drawing/2014/main" id="{4F6C9FCB-BFA0-43B3-A8D2-73B806091F7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1366836" y="2006069"/>
            <a:ext cx="5213351" cy="3831675"/>
          </a:xfrm>
        </p:spPr>
        <p:txBody>
          <a:bodyPr/>
          <a:lstStyle>
            <a:lvl1pPr marL="270000" indent="-270000">
              <a:defRPr baseline="0">
                <a:solidFill>
                  <a:schemeClr val="bg1"/>
                </a:solidFill>
              </a:defRPr>
            </a:lvl1pPr>
            <a:lvl2pPr marL="630000" indent="-270000">
              <a:defRPr>
                <a:solidFill>
                  <a:schemeClr val="bg1"/>
                </a:solidFill>
              </a:defRPr>
            </a:lvl2pPr>
            <a:lvl3pPr marL="936000" indent="-234000">
              <a:defRPr>
                <a:solidFill>
                  <a:schemeClr val="bg1"/>
                </a:solidFill>
              </a:defRPr>
            </a:lvl3pPr>
            <a:lvl4pPr marL="1296000" indent="-216000">
              <a:defRPr>
                <a:solidFill>
                  <a:schemeClr val="bg1"/>
                </a:solidFill>
              </a:defRPr>
            </a:lvl4pPr>
            <a:lvl5pPr marL="1656000" indent="-216000">
              <a:defRPr>
                <a:solidFill>
                  <a:schemeClr val="bg1"/>
                </a:solidFill>
              </a:defRPr>
            </a:lvl5pPr>
            <a:lvl6pPr marL="1998000" indent="-180000">
              <a:defRPr>
                <a:solidFill>
                  <a:schemeClr val="bg1"/>
                </a:solidFill>
              </a:defRPr>
            </a:lvl6pPr>
            <a:lvl7pPr marL="2358000" indent="-180000">
              <a:defRPr>
                <a:solidFill>
                  <a:schemeClr val="bg1"/>
                </a:solidFill>
              </a:defRPr>
            </a:lvl7pPr>
            <a:lvl8pPr marL="2718000" indent="-180000">
              <a:defRPr>
                <a:solidFill>
                  <a:schemeClr val="bg1"/>
                </a:solidFill>
              </a:defRPr>
            </a:lvl8pPr>
            <a:lvl9pPr marL="2718000" indent="-180000"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pic>
        <p:nvPicPr>
          <p:cNvPr id="471639322" name="image" descr="{&quot;templafy&quot;:{&quot;id&quot;:&quot;5ede727b-be2f-4ddb-bc9e-48f32d5cda4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543791397" name="image" descr="{&quot;templafy&quot;:{&quot;id&quot;:&quot;cd6911b5-475f-48a1-8ae2-78ad436b740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865143406" name="image" descr="{&quot;templafy&quot;:{&quot;id&quot;:&quot;c3190e28-6114-439c-8528-ac97fe685567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7" name="Region">
            <a:extLst>
              <a:ext uri="{FF2B5EF4-FFF2-40B4-BE49-F238E27FC236}">
                <a16:creationId xmlns:a16="http://schemas.microsoft.com/office/drawing/2014/main" id="{55A8AFF3-487B-4DB0-800C-166C195F23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966668542" name="image" descr="{&quot;templafy&quot;:{&quot;id&quot;:&quot;d7e2272a-5c62-41cd-892d-9a48524d8d1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0010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835846740" name="image" descr="{&quot;templafy&quot;:{&quot;id&quot;:&quot;9bf9c936-9395-4362-bb3d-1b77140d0ef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542080296" name="image" descr="{&quot;templafy&quot;:{&quot;id&quot;:&quot;5d459078-a0ef-407c-b9a1-96c3affbaf5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067e0d6c-cd68-4d6f-8318-829807aceb58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12" name="text" descr="{&quot;templafy&quot;:{&quot;id&quot;:&quot;f01bdc0c-2cc4-4038-8e13-70550fdea2eb&quot;}}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13" name="text" descr="{&quot;templafy&quot;:{&quot;id&quot;:&quot;6a80fbbe-1a35-49bf-9f40-2c14a7c932f4&quot;}}" hidden="1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6df07da3-4893-482f-b7b4-138e666c1800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672344076" name="image" descr="{&quot;templafy&quot;:{&quot;id&quot;:&quot;55394515-8400-4fa4-91e7-99865cb7ee2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548529307" name="image" descr="{&quot;templafy&quot;:{&quot;id&quot;:&quot;319fb1c1-d0b3-45d0-9e03-7e6ba6efb32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70498180" name="image" descr="{&quot;templafy&quot;:{&quot;id&quot;:&quot;5fc80e65-44b7-4bba-8334-a610ac6819e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17" name="text" descr="{&quot;templafy&quot;:{&quot;id&quot;:&quot;4cd1836c-456e-4594-b03c-8c8d26312030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18" name="text" descr="{&quot;templafy&quot;:{&quot;id&quot;:&quot;06edd1d6-d87a-43e4-b604-41113accdf1a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383489166" name="image" descr="{&quot;templafy&quot;:{&quot;id&quot;:&quot;87418eb6-d77c-4c12-a7c2-21293a4e000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606027009" name="image" descr="{&quot;templafy&quot;:{&quot;id&quot;:&quot;df922c1d-3664-46d7-8a86-de7bfdebc20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Font typeface="Arial" panose="020B0604020202020204" pitchFamily="34" charset="0"/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1608281635" name="image" descr="{&quot;templafy&quot;:{&quot;id&quot;:&quot;b7bfeb29-63c1-4bc3-8f6d-143e6cf312a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7378639" name="image" descr="{&quot;templafy&quot;:{&quot;id&quot;:&quot;c8f946d2-8562-4e21-90de-ef2d77b931b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3c8d4cd0-8aa7-4643-ba42-5d36153fabb0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Nordsjællands Hospital</a:t>
            </a:r>
          </a:p>
        </p:txBody>
      </p:sp>
      <p:sp>
        <p:nvSpPr>
          <p:cNvPr id="27" name="text" descr="{&quot;templafy&quot;:{&quot;id&quot;:&quot;bcaeacd6-02f1-45b2-980a-912a9661d31e&quot;}}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Akutafdelingen</a:t>
            </a:r>
          </a:p>
        </p:txBody>
      </p:sp>
      <p:sp>
        <p:nvSpPr>
          <p:cNvPr id="28" name="text" descr="{&quot;templafy&quot;:{&quot;id&quot;:&quot;e5b24b30-f28f-4e47-896d-368cad1476f9&quot;}}" hidden="1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36" name="text" descr="{&quot;templafy&quot;:{&quot;id&quot;:&quot;4a7b8b1f-4c5c-48f2-8350-b2c54115e501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635404837" name="image" descr="{&quot;templafy&quot;:{&quot;id&quot;:&quot;7e0d0a69-40a2-4922-bdd3-f0c3afe0c94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5027461" name="image" descr="{&quot;templafy&quot;:{&quot;id&quot;:&quot;a0556ae0-6c8f-4326-8312-562006487fa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f5faa584-05f4-479b-8572-b51965307ac4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30" name="text" descr="{&quot;templafy&quot;:{&quot;id&quot;:&quot;fa32e94c-c4cd-4bfb-9775-992664688219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412809819" name="image" descr="{&quot;templafy&quot;:{&quot;id&quot;:&quot;c03068d8-bcb0-47cf-b57e-4b05f9eb6f6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2128360760" name="image" descr="{&quot;templafy&quot;:{&quot;id&quot;:&quot;fef7089a-94d6-4790-8b50-5a96aa35ca6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167519733" name="image" descr="{&quot;templafy&quot;:{&quot;id&quot;:&quot;ef2f43ab-b93c-4357-a836-39b8fea6aa2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ff78743f-3726-4720-a76b-df38e7e09f64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03b627d2-7f10-4d64-9c83-616b44ff8f1f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2106073849" name="image" descr="{&quot;templafy&quot;:{&quot;id&quot;:&quot;cf2b3527-c7c7-4d17-bec6-265487a5661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842342293" name="image" descr="{&quot;templafy&quot;:{&quot;id&quot;:&quot;d0c5dbd4-e9a1-4e82-b489-97c198cda9a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585141639" name="image" descr="{&quot;templafy&quot;:{&quot;id&quot;:&quot;99f42898-73ee-496e-bc72-788d163b6d1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5a18475a-1be8-4fdf-81d8-5acca036045e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29" name="text" descr="{&quot;templafy&quot;:{&quot;id&quot;:&quot;737e8e22-cf67-4f79-b6e9-81617f7325e8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30" name="text" descr="{&quot;templafy&quot;:{&quot;id&quot;:&quot;840e349f-b5b3-4af2-9212-fab3f6c8363b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0b0f51be-9963-4d7b-8fa8-6c3c9cf70eb9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4816868" name="image" descr="{&quot;templafy&quot;:{&quot;id&quot;:&quot;83af88c2-c7c7-4db3-91ba-78d8b9b494fb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B2E933D4-B038-4914-8692-045FED1FDDC3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965263372" name="image" descr="{&quot;templafy&quot;:{&quot;id&quot;:&quot;9ef2ae33-a29a-4008-b61f-efa578503e6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33" name="Region">
            <a:extLst>
              <a:ext uri="{FF2B5EF4-FFF2-40B4-BE49-F238E27FC236}">
                <a16:creationId xmlns:a16="http://schemas.microsoft.com/office/drawing/2014/main" id="{43630FF5-5651-45BC-A331-2D4A7676FAE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14938621" name="image" descr="{&quot;templafy&quot;:{&quot;id&quot;:&quot;9af16601-4027-42fa-88b4-4c4b5f7d6a8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3782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d2eb6369-391c-4f9d-a734-fdf90c52ede5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7" name="text" descr="{&quot;templafy&quot;:{&quot;id&quot;:&quot;d142937c-10c9-48f2-bbeb-81aad7b09a9d&quot;}}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8" name="text" descr="{&quot;templafy&quot;:{&quot;id&quot;:&quot;166d2504-a91c-4e1d-a6c2-92f5e85b503e&quot;}}" hidden="1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89e26acb-151c-452a-a2dd-70cfbefb2e85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387876819" name="image" descr="{&quot;templafy&quot;:{&quot;id&quot;:&quot;a9f3e89c-2850-448a-8c58-74e81ab9aec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56279482" name="image" descr="{&quot;templafy&quot;:{&quot;id&quot;:&quot;37ccbcc0-2e85-43db-8b5e-526c39c441b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18894003" name="image" descr="{&quot;templafy&quot;:{&quot;id&quot;:&quot;ae232b58-3b2c-4505-ab1d-609ea1b284c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57107757" name="image" descr="{&quot;templafy&quot;:{&quot;id&quot;:&quot;d9b49069-1b7d-4a59-ae74-924a8dc0b2e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38592092" name="image" descr="{&quot;templafy&quot;:{&quot;id&quot;:&quot;ce2bb99b-945a-4c91-90ed-4aba4e782b7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041ceabb-bfaa-47dd-b272-ef36d300d443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23" name="text" descr="{&quot;templafy&quot;:{&quot;id&quot;:&quot;1db915e9-1cce-499a-9836-dc74c5417f85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515717641" name="image" descr="{&quot;templafy&quot;:{&quot;id&quot;:&quot;d6199d12-c7b9-412a-a819-b32054cbd6f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138656359" name="image" descr="{&quot;templafy&quot;:{&quot;id&quot;:&quot;b50dc294-41ff-428c-92a6-e334d7f2808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3229c4b0-e886-4fdb-a9d3-5ba9dc58627b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Nordsjællands Hospital</a:t>
            </a:r>
          </a:p>
        </p:txBody>
      </p:sp>
      <p:sp>
        <p:nvSpPr>
          <p:cNvPr id="17" name="text" descr="{&quot;templafy&quot;:{&quot;id&quot;:&quot;e49f74ad-7104-483c-af5d-d29eaa11f717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afdelingen</a:t>
            </a:r>
          </a:p>
        </p:txBody>
      </p:sp>
      <p:sp>
        <p:nvSpPr>
          <p:cNvPr id="19" name="text" descr="{&quot;templafy&quot;:{&quot;id&quot;:&quot;6ed4a001-e8c2-4413-a83d-0f8f6e875cef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c1dd6efc-dd61-4ffe-a168-6f5cdc2206f7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390345695" name="image" descr="{&quot;templafy&quot;:{&quot;id&quot;:&quot;b33f455a-b36f-41c0-ac08-a76c786cea1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43154713" name="image" descr="{&quot;templafy&quot;:{&quot;id&quot;:&quot;b4e11d45-d7cd-4dfd-b8a1-d610f2e3f73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8199f843-affb-4a7a-91f6-3675d7511363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Thomas Schmidt</a:t>
            </a:r>
          </a:p>
        </p:txBody>
      </p:sp>
      <p:sp>
        <p:nvSpPr>
          <p:cNvPr id="30" name="text" descr="{&quot;templafy&quot;:{&quot;id&quot;:&quot;ffc03fd1-2b87-4fbb-97e7-0ef724a56856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23" name="Titel 1">
            <a:extLst>
              <a:ext uri="{FF2B5EF4-FFF2-40B4-BE49-F238E27FC236}">
                <a16:creationId xmlns:a16="http://schemas.microsoft.com/office/drawing/2014/main" id="{CDE8568A-4FC6-4FE8-AD56-00B6072471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1" name="Pladsholder til indhold 2">
            <a:extLst>
              <a:ext uri="{FF2B5EF4-FFF2-40B4-BE49-F238E27FC236}">
                <a16:creationId xmlns:a16="http://schemas.microsoft.com/office/drawing/2014/main" id="{EAC797D0-A118-439F-BE17-E714D7DBF2E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4202862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1490694309" name="image" descr="{&quot;templafy&quot;:{&quot;id&quot;:&quot;934041d1-9c6a-43c5-9f5e-4bc9941f128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1971651157" name="image" descr="{&quot;templafy&quot;:{&quot;id&quot;:&quot;1c09c1f9-cf74-4340-a74c-66ec6b6498bb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4" name="Region">
            <a:extLst>
              <a:ext uri="{FF2B5EF4-FFF2-40B4-BE49-F238E27FC236}">
                <a16:creationId xmlns:a16="http://schemas.microsoft.com/office/drawing/2014/main" id="{C100A8B8-EE9B-41DE-A673-383B769566A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890954703" name="image" descr="{&quot;templafy&quot;:{&quot;id&quot;:&quot;3470c35c-63a2-426a-8f4a-e7fbe569d6d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569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690a6b58-3bbb-4943-9c78-9b9cc3fb4771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11" name="text" descr="{&quot;templafy&quot;:{&quot;id&quot;:&quot;5f52a5e1-9ba4-42dd-849d-bc595452300a&quot;}}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12" name="text" descr="{&quot;templafy&quot;:{&quot;id&quot;:&quot;04b267fb-5b23-4fce-a31b-ecd0e4197520&quot;}}" hidden="1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92e52d66-0338-4b9f-aa72-64bf98ea75ce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789096740" name="image" descr="{&quot;templafy&quot;:{&quot;id&quot;:&quot;051954b1-bba7-4e84-a4b6-e784e19ce9e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592577160" name="image" descr="{&quot;templafy&quot;:{&quot;id&quot;:&quot;36aff287-ab89-4e87-8877-21a8aabf4ae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300277861" name="image" descr="{&quot;templafy&quot;:{&quot;id&quot;:&quot;d7d3e132-9938-4f73-b448-a3d406dce12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47907915" name="image" descr="{&quot;templafy&quot;:{&quot;id&quot;:&quot;69c45226-b1e8-41fd-b99a-c5b770afd54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128662819" name="image" descr="{&quot;templafy&quot;:{&quot;id&quot;:&quot;aa9952b8-0f21-43d9-bd0f-409ec7c918c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114570b1-4fa1-4214-a139-d040b0a73d79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27" name="text" descr="{&quot;templafy&quot;:{&quot;id&quot;:&quot;9c73e517-8c62-4f19-a658-2f5a30ff2e1c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94752473" name="image" descr="{&quot;templafy&quot;:{&quot;id&quot;:&quot;eb239dd7-1bf1-416b-be55-d9f5072ad59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c79c5feb-6dd4-4646-9835-550cc3c45f82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10" name="text" descr="{&quot;templafy&quot;:{&quot;id&quot;:&quot;b060de3d-8c98-41a7-9d3e-650f5f8484bd&quot;}}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12" name="text" descr="{&quot;templafy&quot;:{&quot;id&quot;:&quot;e4e49d8c-68ad-46a3-9721-585bf3d907fc&quot;}}" hidden="1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b075c950-49a5-4dce-9e0c-e2b42a61e29d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76565030" name="image" descr="{&quot;templafy&quot;:{&quot;id&quot;:&quot;b24d94c4-df4c-46d0-ac5f-3164cd76c38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977761004" name="image" descr="{&quot;templafy&quot;:{&quot;id&quot;:&quot;032115d9-0de3-4629-bfa9-22a91b3eaf0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34422692" name="image" descr="{&quot;templafy&quot;:{&quot;id&quot;:&quot;0feb38d8-e492-449c-b3d2-634adfa8d21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76026438" name="image" descr="{&quot;templafy&quot;:{&quot;id&quot;:&quot;81a3d7e0-dbcf-4a86-919a-64b762a7e1f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5634684" name="image" descr="{&quot;templafy&quot;:{&quot;id&quot;:&quot;e0aff452-cb37-4ef5-b63f-64b1c993b8b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e00e128e-3ba9-4bb9-9195-00820fdfc799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26" name="text" descr="{&quot;templafy&quot;:{&quot;id&quot;:&quot;a6ecdc8f-df8a-4f50-95bf-c65123f84836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265300056" name="image" descr="{&quot;templafy&quot;:{&quot;id&quot;:&quot;e40ba6cc-5920-4d6c-8000-4926e4f04f1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42de4d8d-64cb-4e43-af6f-5f2b087dd2c9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9" name="text" descr="{&quot;templafy&quot;:{&quot;id&quot;:&quot;666f23a8-0de3-473d-912d-18993bd45383&quot;}}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10" name="text" descr="{&quot;templafy&quot;:{&quot;id&quot;:&quot;fd2c906d-cab9-49e9-b4cc-3dfc6515207e&quot;}}" hidden="1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37ebe200-0f8e-42b9-8480-e62c21dda219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72705958" name="image" descr="{&quot;templafy&quot;:{&quot;id&quot;:&quot;a15e2ecb-81ae-4972-ae8d-199c198b82a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854735173" name="image" descr="{&quot;templafy&quot;:{&quot;id&quot;:&quot;29475cc6-7676-474b-bb28-b879904726a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157897701" name="image" descr="{&quot;templafy&quot;:{&quot;id&quot;:&quot;e62534da-6fd4-43ee-b38f-23c38d19c7c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105898511" name="image" descr="{&quot;templafy&quot;:{&quot;id&quot;:&quot;be30bf1d-3bfb-4d1d-ab7d-1becae93f7d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22621610" name="image" descr="{&quot;templafy&quot;:{&quot;id&quot;:&quot;f05bcc2e-1f11-4172-a8b5-828be0fd5f9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9621d56e-4583-4990-9806-e2238be5aa99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26" name="text" descr="{&quot;templafy&quot;:{&quot;id&quot;:&quot;10b291ca-7936-44b5-9348-f9fe0bc95d67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203479626" name="image" descr="{&quot;templafy&quot;:{&quot;id&quot;:&quot;69fc786a-f6f6-4d1c-8436-feb415f7e5d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800620bb-e57f-48d3-9bb4-07555e9ef95d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10" name="text" descr="{&quot;templafy&quot;:{&quot;id&quot;:&quot;c3853f00-bce6-4ea7-b0c0-b5b1d3d15428&quot;}}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13" name="text" descr="{&quot;templafy&quot;:{&quot;id&quot;:&quot;d4b8eac3-c3d7-44ab-b0f1-0ee9a5ed050b&quot;}}" hidden="1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3bc2ceec-7425-4083-b350-bb5a3540a2c2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04943227" name="image" descr="{&quot;templafy&quot;:{&quot;id&quot;:&quot;19a8837d-101e-41a0-8a2d-daae4c8c603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06498117" name="image" descr="{&quot;templafy&quot;:{&quot;id&quot;:&quot;8904ce4f-dd4c-45f0-88b9-4d6a94f79a1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746867765" name="image" descr="{&quot;templafy&quot;:{&quot;id&quot;:&quot;9323f4a0-87c8-4c4f-9967-59471fc64dc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76269948" name="image" descr="{&quot;templafy&quot;:{&quot;id&quot;:&quot;6a161364-91c8-4324-a6d5-58339dc7662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69973853" name="image" descr="{&quot;templafy&quot;:{&quot;id&quot;:&quot;15ad9f51-5248-4e38-9922-938602e8020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7a00bd5b-a264-4da3-9641-244087048599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29" name="text" descr="{&quot;templafy&quot;:{&quot;id&quot;:&quot;e2bdb4b3-fef3-48c4-8fe6-8f58919de3a8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467797594" name="image" descr="{&quot;templafy&quot;:{&quot;id&quot;:&quot;4f053b8f-78b4-4ea5-8706-c1d2bc626a7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d6b53b64-0436-431b-a82a-88d01f2ad5e1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Nordsjællands Hospital</a:t>
            </a:r>
          </a:p>
        </p:txBody>
      </p:sp>
      <p:sp>
        <p:nvSpPr>
          <p:cNvPr id="10" name="text" descr="{&quot;templafy&quot;:{&quot;id&quot;:&quot;615bbf61-4e08-4b43-bc4e-9b1651252737&quot;}}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Akutafdelingen</a:t>
            </a:r>
          </a:p>
        </p:txBody>
      </p:sp>
      <p:sp>
        <p:nvSpPr>
          <p:cNvPr id="11" name="text" descr="{&quot;templafy&quot;:{&quot;id&quot;:&quot;f1c7f6a8-2a28-4efe-878f-4cde1c7a5c53&quot;}}" hidden="1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f4d30cf7-410d-4767-a1d9-1c12e5d1b755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66315855" name="image" descr="{&quot;templafy&quot;:{&quot;id&quot;:&quot;d238ad1c-3252-4c8d-a303-bdba8bad72b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037548778" name="image" descr="{&quot;templafy&quot;:{&quot;id&quot;:&quot;f2fee0fd-f26d-4dce-9787-734dea33b472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389506955" name="image" descr="{&quot;templafy&quot;:{&quot;id&quot;:&quot;cf4a0cdb-7b72-41dd-9ef2-1ffcc2c2d7c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917000459" name="image" descr="{&quot;templafy&quot;:{&quot;id&quot;:&quot;b8219ad0-b583-4934-a4d6-35e77896402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4661264" name="image" descr="{&quot;templafy&quot;:{&quot;id&quot;:&quot;ae92c1ef-8b27-4d49-ad06-d35ee1071fa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abc123de-d2a5-4291-8e4f-e4a7f951a7e9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Thomas Schmidt</a:t>
            </a:r>
          </a:p>
        </p:txBody>
      </p:sp>
      <p:sp>
        <p:nvSpPr>
          <p:cNvPr id="26" name="text" descr="{&quot;templafy&quot;:{&quot;id&quot;:&quot;0a951592-3d1f-42f9-abf9-e373306e3d41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02597947" name="image" descr="{&quot;templafy&quot;:{&quot;id&quot;:&quot;5098802f-c137-44c1-ac86-5d41fc3db34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85f20922-21f2-427c-8351-593f4817589d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0" r:id="rId2"/>
    <p:sldLayoutId id="2147483650" r:id="rId3"/>
    <p:sldLayoutId id="2147483674" r:id="rId4"/>
    <p:sldLayoutId id="2147483659" r:id="rId5"/>
    <p:sldLayoutId id="2147483660" r:id="rId6"/>
    <p:sldLayoutId id="2147483664" r:id="rId7"/>
    <p:sldLayoutId id="2147483665" r:id="rId8"/>
    <p:sldLayoutId id="2147483662" r:id="rId9"/>
    <p:sldLayoutId id="2147483668" r:id="rId10"/>
    <p:sldLayoutId id="2147483669" r:id="rId11"/>
    <p:sldLayoutId id="2147483675" r:id="rId12"/>
    <p:sldLayoutId id="2147483658" r:id="rId13"/>
    <p:sldLayoutId id="2147483672" r:id="rId14"/>
    <p:sldLayoutId id="2147483655" r:id="rId15"/>
    <p:sldLayoutId id="2147483663" r:id="rId16"/>
    <p:sldLayoutId id="2147483667" r:id="rId17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9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8.emf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3.xml"/><Relationship Id="rId6" Type="http://schemas.openxmlformats.org/officeDocument/2006/relationships/image" Target="../media/image17.emf"/><Relationship Id="rId5" Type="http://schemas.openxmlformats.org/officeDocument/2006/relationships/image" Target="../media/image16.emf"/><Relationship Id="rId4" Type="http://schemas.openxmlformats.org/officeDocument/2006/relationships/image" Target="../media/image15.emf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undhedsstyrelsens uddannelsespris – Årets højdespringer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971C0FE-1518-416D-AB32-0FA49CED552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homas A Schmidt, UAO, lektor, dr med</a:t>
            </a:r>
          </a:p>
          <a:p>
            <a:r>
              <a:rPr lang="da-DK" dirty="0"/>
              <a:t>Birgit Falk Riecke, UKYL, </a:t>
            </a:r>
            <a:r>
              <a:rPr lang="da-DK" dirty="0" err="1"/>
              <a:t>PhD</a:t>
            </a:r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AFC585B2-03A2-4162-B11C-3A170F5122D4}"/>
              </a:ext>
            </a:extLst>
          </p:cNvPr>
          <p:cNvSpPr txBox="1"/>
          <p:nvPr/>
        </p:nvSpPr>
        <p:spPr>
          <a:xfrm>
            <a:off x="11208568" y="1700808"/>
            <a:ext cx="914400" cy="28803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T&amp;B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C236AC-0F1E-4D6D-B4CA-B8ACF09B433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620688"/>
            <a:ext cx="10137524" cy="1080028"/>
          </a:xfrm>
        </p:spPr>
        <p:txBody>
          <a:bodyPr/>
          <a:lstStyle/>
          <a:p>
            <a:b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</a:br>
            <a:r>
              <a:rPr lang="da-DK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Afdelingens særlige initiativ er </a:t>
            </a:r>
            <a:r>
              <a:rPr lang="da-DK" dirty="0" err="1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Fellowship</a:t>
            </a:r>
            <a:r>
              <a:rPr lang="da-DK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br>
              <a:rPr lang="da-DK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</a:br>
            <a:r>
              <a:rPr lang="da-DK" dirty="0"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– hvad omhandler dette, og hvordan bruges det uddannelsesmæssigt? </a:t>
            </a:r>
            <a:r>
              <a:rPr lang="da-DK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98B1F99-FE91-4D1C-9BE2-2B9AC3DCD5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0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1221FEB4-D0D7-4302-A3E4-07CF1031815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59738" y="1700716"/>
            <a:ext cx="10136614" cy="4032540"/>
          </a:xfrm>
        </p:spPr>
        <p:txBody>
          <a:bodyPr/>
          <a:lstStyle/>
          <a:p>
            <a:r>
              <a:rPr lang="da-DK" dirty="0" err="1"/>
              <a:t>Fellowshipprogrammet</a:t>
            </a:r>
            <a:r>
              <a:rPr lang="da-DK" dirty="0"/>
              <a:t> er for ansatte læger på Nordsjællands Hospital</a:t>
            </a:r>
          </a:p>
          <a:p>
            <a:r>
              <a:rPr lang="da-DK" b="0" i="0" dirty="0">
                <a:solidFill>
                  <a:srgbClr val="333333"/>
                </a:solidFill>
                <a:effectLst/>
                <a:latin typeface="mariregular"/>
              </a:rPr>
              <a:t>Som </a:t>
            </a:r>
            <a:r>
              <a:rPr lang="da-DK" b="0" i="0" dirty="0" err="1">
                <a:solidFill>
                  <a:srgbClr val="333333"/>
                </a:solidFill>
                <a:effectLst/>
                <a:latin typeface="mariregular"/>
              </a:rPr>
              <a:t>fellow</a:t>
            </a:r>
            <a:r>
              <a:rPr lang="da-DK" b="0" i="0" dirty="0">
                <a:solidFill>
                  <a:srgbClr val="333333"/>
                </a:solidFill>
                <a:effectLst/>
                <a:latin typeface="mariregular"/>
              </a:rPr>
              <a:t> ansættes man 6 måneder til at arbejde med et selvvalgt forbedringsprojekt - enten i egen afdeling eller på tværs af hospitalet.</a:t>
            </a:r>
          </a:p>
          <a:p>
            <a:pPr marL="0" indent="0">
              <a:buNone/>
            </a:pPr>
            <a:r>
              <a:rPr lang="da-DK" b="0" i="0" dirty="0">
                <a:solidFill>
                  <a:srgbClr val="333333"/>
                </a:solidFill>
                <a:effectLst/>
                <a:latin typeface="mariregular"/>
              </a:rPr>
              <a:t>   </a:t>
            </a:r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7E80B735-0378-44BD-97C9-D276F8A9D6D6}"/>
              </a:ext>
            </a:extLst>
          </p:cNvPr>
          <p:cNvSpPr txBox="1"/>
          <p:nvPr/>
        </p:nvSpPr>
        <p:spPr>
          <a:xfrm>
            <a:off x="11136560" y="476672"/>
            <a:ext cx="914400" cy="28803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T</a:t>
            </a:r>
          </a:p>
        </p:txBody>
      </p:sp>
    </p:spTree>
    <p:extLst>
      <p:ext uri="{BB962C8B-B14F-4D97-AF65-F5344CB8AC3E}">
        <p14:creationId xmlns:p14="http://schemas.microsoft.com/office/powerpoint/2010/main" val="210845064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6F2B8C1-C85F-4F07-AE42-5B140D5361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548680"/>
            <a:ext cx="10137524" cy="1152036"/>
          </a:xfrm>
        </p:spPr>
        <p:txBody>
          <a:bodyPr/>
          <a:lstStyle/>
          <a:p>
            <a:r>
              <a:rPr lang="da-DK" dirty="0"/>
              <a:t>Afdelingen arbejder med tværsektorielle teams – hvad indebærer dette, og hvordan bidrager det til afdelingens uddannelsespotentiale?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F5C5740-D643-4A07-AC6A-CD9D33E941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1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13B9C9F-7183-439E-9E98-9502F1EFE08E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Tværsektorielt team (TST) har til opgave at vurdere og behandle skrøbelige herunder, ældre patienter. Antallet af patienter varierer dagligt</a:t>
            </a:r>
          </a:p>
          <a:p>
            <a:r>
              <a:rPr lang="da-DK" dirty="0"/>
              <a:t>TST giver mulighed for at fordybe sig mere i patienterne og arbejdet med primær sektoren</a:t>
            </a:r>
          </a:p>
          <a:p>
            <a:r>
              <a:rPr lang="da-DK" dirty="0"/>
              <a:t>Tanken bag det vekslende arbejde mellem høj intensitet i akut modtagelsen og tid til fordybelse i TST bremser </a:t>
            </a:r>
            <a:r>
              <a:rPr lang="da-DK" dirty="0" err="1"/>
              <a:t>burn</a:t>
            </a:r>
            <a:r>
              <a:rPr lang="da-DK" dirty="0"/>
              <a:t> out og dermed øges uddannelsesudbyttet</a:t>
            </a:r>
          </a:p>
          <a:p>
            <a:r>
              <a:rPr lang="da-DK" dirty="0"/>
              <a:t>TST er ved at blive videreudviklet i form af etablering af Afdeling for Multisygdom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5EBCFB01-6C01-4B9C-8F20-5B106CE10133}"/>
              </a:ext>
            </a:extLst>
          </p:cNvPr>
          <p:cNvSpPr txBox="1"/>
          <p:nvPr/>
        </p:nvSpPr>
        <p:spPr>
          <a:xfrm>
            <a:off x="11504613" y="332656"/>
            <a:ext cx="914400" cy="28803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T</a:t>
            </a:r>
          </a:p>
        </p:txBody>
      </p:sp>
    </p:spTree>
    <p:extLst>
      <p:ext uri="{BB962C8B-B14F-4D97-AF65-F5344CB8AC3E}">
        <p14:creationId xmlns:p14="http://schemas.microsoft.com/office/powerpoint/2010/main" val="417637311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2DA584B-2107-462D-8B79-3C9E334F7D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544" y="320924"/>
            <a:ext cx="10137524" cy="828000"/>
          </a:xfrm>
        </p:spPr>
        <p:txBody>
          <a:bodyPr/>
          <a:lstStyle/>
          <a:p>
            <a:r>
              <a:rPr lang="da-DK" dirty="0"/>
              <a:t>Hvad kunne I tænke jer af inspektorbesøg fremadrettet?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FDB1B00-5A01-4E8B-AC33-9D68067E05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26B8FF2-41E0-4245-8CF2-342375897FF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Inspektorbesøg fremadrettet skal give anledning til refleksion over egen praksis og inspirere til fornyelse</a:t>
            </a:r>
          </a:p>
          <a:p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A6423E65-5511-4769-89A9-48F080088663}"/>
              </a:ext>
            </a:extLst>
          </p:cNvPr>
          <p:cNvSpPr txBox="1"/>
          <p:nvPr/>
        </p:nvSpPr>
        <p:spPr>
          <a:xfrm>
            <a:off x="11517375" y="335009"/>
            <a:ext cx="914400" cy="28803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B</a:t>
            </a:r>
          </a:p>
        </p:txBody>
      </p:sp>
    </p:spTree>
    <p:extLst>
      <p:ext uri="{BB962C8B-B14F-4D97-AF65-F5344CB8AC3E}">
        <p14:creationId xmlns:p14="http://schemas.microsoft.com/office/powerpoint/2010/main" val="158980508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B9F0BFF-A908-4939-98AF-9DBC4507F5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10019" y="188640"/>
            <a:ext cx="10137524" cy="828000"/>
          </a:xfrm>
        </p:spPr>
        <p:txBody>
          <a:bodyPr/>
          <a:lstStyle/>
          <a:p>
            <a:r>
              <a:rPr lang="da-DK" dirty="0"/>
              <a:t>Vores vision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23980D9-8F52-4BD1-912A-24936948E7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3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41DFCF32-D9BC-4853-9F1B-6CB8285455B5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425109" y="1196752"/>
            <a:ext cx="10136614" cy="4608512"/>
          </a:xfrm>
        </p:spPr>
        <p:txBody>
          <a:bodyPr/>
          <a:lstStyle/>
          <a:p>
            <a:r>
              <a:rPr lang="da-DK" dirty="0"/>
              <a:t>UAO succession fastlagt          Birgit Falk Riecke </a:t>
            </a:r>
          </a:p>
          <a:p>
            <a:r>
              <a:rPr lang="da-DK" dirty="0"/>
              <a:t>Vi er et uddannelseseksperimentarium </a:t>
            </a:r>
          </a:p>
          <a:p>
            <a:r>
              <a:rPr lang="da-DK" dirty="0"/>
              <a:t>Vi vil uddannelse og ser det som en hjørnesten i forhold til rekruttering til specialet akutmedicin</a:t>
            </a:r>
          </a:p>
          <a:p>
            <a:r>
              <a:rPr lang="da-DK" dirty="0"/>
              <a:t>Vi prøver ting af, men vi tester også hvordan det virker</a:t>
            </a:r>
          </a:p>
          <a:p>
            <a:r>
              <a:rPr lang="da-DK" dirty="0"/>
              <a:t>Psykologisk tryghed er et must for uddannelse </a:t>
            </a:r>
          </a:p>
          <a:p>
            <a:r>
              <a:rPr lang="da-DK" dirty="0"/>
              <a:t>Det sociale lægerne i mellem er vigtigt</a:t>
            </a:r>
          </a:p>
          <a:p>
            <a:r>
              <a:rPr lang="da-DK" dirty="0"/>
              <a:t>Vi søger et fællesskab blandt læger – mere end blot arbejde</a:t>
            </a:r>
          </a:p>
          <a:p>
            <a:r>
              <a:rPr lang="da-DK" dirty="0"/>
              <a:t>Lige nu arbejder vi med etablering af refleksionsrum</a:t>
            </a:r>
          </a:p>
        </p:txBody>
      </p:sp>
      <p:cxnSp>
        <p:nvCxnSpPr>
          <p:cNvPr id="12" name="Lige pilforbindelse 11">
            <a:extLst>
              <a:ext uri="{FF2B5EF4-FFF2-40B4-BE49-F238E27FC236}">
                <a16:creationId xmlns:a16="http://schemas.microsoft.com/office/drawing/2014/main" id="{7DDF6158-93FF-4394-8A42-8CAEDE3F63A4}"/>
              </a:ext>
            </a:extLst>
          </p:cNvPr>
          <p:cNvCxnSpPr/>
          <p:nvPr/>
        </p:nvCxnSpPr>
        <p:spPr>
          <a:xfrm>
            <a:off x="4871864" y="1340768"/>
            <a:ext cx="576064" cy="0"/>
          </a:xfrm>
          <a:prstGeom prst="straightConnector1">
            <a:avLst/>
          </a:prstGeom>
          <a:ln w="44450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kstfelt 4">
            <a:extLst>
              <a:ext uri="{FF2B5EF4-FFF2-40B4-BE49-F238E27FC236}">
                <a16:creationId xmlns:a16="http://schemas.microsoft.com/office/drawing/2014/main" id="{A5D96378-B20F-46C4-ABB5-5C08FDD520BC}"/>
              </a:ext>
            </a:extLst>
          </p:cNvPr>
          <p:cNvSpPr txBox="1"/>
          <p:nvPr/>
        </p:nvSpPr>
        <p:spPr>
          <a:xfrm>
            <a:off x="11547542" y="404664"/>
            <a:ext cx="647433" cy="30927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B</a:t>
            </a:r>
          </a:p>
        </p:txBody>
      </p:sp>
    </p:spTree>
    <p:extLst>
      <p:ext uri="{BB962C8B-B14F-4D97-AF65-F5344CB8AC3E}">
        <p14:creationId xmlns:p14="http://schemas.microsoft.com/office/powerpoint/2010/main" val="41406542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31BB96-D182-454B-8015-B77D4273B3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ksigels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E1B46CB-3FCD-49CA-ADE5-2F9866F6F2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4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1375594B-C750-4272-90B4-A1FF2C892AEB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Tak til inspektorerne</a:t>
            </a:r>
          </a:p>
          <a:p>
            <a:r>
              <a:rPr lang="da-DK" dirty="0"/>
              <a:t>Tak til Sekretariatet for Inspektorordningen</a:t>
            </a:r>
          </a:p>
          <a:p>
            <a:r>
              <a:rPr lang="da-DK" dirty="0"/>
              <a:t>Tak for jeres opmærksomhed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E555DF34-0B60-49AD-83BE-C39B7BCACCAA}"/>
              </a:ext>
            </a:extLst>
          </p:cNvPr>
          <p:cNvSpPr txBox="1"/>
          <p:nvPr/>
        </p:nvSpPr>
        <p:spPr>
          <a:xfrm>
            <a:off x="11136560" y="404664"/>
            <a:ext cx="914400" cy="28803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T&amp;B</a:t>
            </a:r>
          </a:p>
        </p:txBody>
      </p:sp>
    </p:spTree>
    <p:extLst>
      <p:ext uri="{BB962C8B-B14F-4D97-AF65-F5344CB8AC3E}">
        <p14:creationId xmlns:p14="http://schemas.microsoft.com/office/powerpoint/2010/main" val="37870426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A5AD7C-D3BE-468C-8D6E-1D75EA7689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 – besvare følgende spørgsmål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C47E3EF-3AD2-4952-B814-B46BD41D90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B51BC0A1-DD47-4D8F-8876-69513648ABD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Hvad rykkede mest fra sidste inspektorbesøg?</a:t>
            </a:r>
          </a:p>
          <a:p>
            <a:r>
              <a:rPr lang="da-DK" dirty="0"/>
              <a:t>Afdelingens særlige initiativ er </a:t>
            </a:r>
            <a:r>
              <a:rPr lang="da-DK" dirty="0" err="1"/>
              <a:t>Fellowship</a:t>
            </a:r>
            <a:r>
              <a:rPr lang="da-DK" dirty="0"/>
              <a:t> – hvad omhandler dette, og hvordan bruges det uddannelsesmæssigt? </a:t>
            </a:r>
          </a:p>
          <a:p>
            <a:r>
              <a:rPr lang="da-DK" dirty="0"/>
              <a:t>Afdelingen arbejder med tværsektorielle teams – hvad indebærer dette, og hvordan bidrager det til afdelingens uddannelsespotentiale? </a:t>
            </a:r>
          </a:p>
          <a:p>
            <a:r>
              <a:rPr lang="da-DK" dirty="0"/>
              <a:t>Hvad kunne I tænke jer af inspektorbesøg fremadrettet? 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2E6CA9E8-2575-4D1D-BBCE-190018C9DADC}"/>
              </a:ext>
            </a:extLst>
          </p:cNvPr>
          <p:cNvSpPr txBox="1"/>
          <p:nvPr/>
        </p:nvSpPr>
        <p:spPr>
          <a:xfrm>
            <a:off x="11504613" y="296261"/>
            <a:ext cx="480137" cy="28803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T</a:t>
            </a:r>
          </a:p>
        </p:txBody>
      </p:sp>
    </p:spTree>
    <p:extLst>
      <p:ext uri="{BB962C8B-B14F-4D97-AF65-F5344CB8AC3E}">
        <p14:creationId xmlns:p14="http://schemas.microsoft.com/office/powerpoint/2010/main" val="331329677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DBC37E7-D694-45AB-9E94-E061835A34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089" y="589600"/>
            <a:ext cx="10137524" cy="418884"/>
          </a:xfrm>
        </p:spPr>
        <p:txBody>
          <a:bodyPr/>
          <a:lstStyle/>
          <a:p>
            <a:r>
              <a:rPr lang="da-DK" dirty="0"/>
              <a:t>Hvad rykkede mest fra sidste inspektorbesøg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F65C90F-DB32-41E2-99F1-CBB2EDAAC4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B3F1E339-05FC-453A-AC49-F888BEDC0F0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67089" y="1008484"/>
            <a:ext cx="4937467" cy="4841032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4983120D-EAA7-42DE-85C3-7EAA6CCD7C3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423553" y="5826755"/>
            <a:ext cx="4881003" cy="25890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F2131717-0945-41BF-A1B3-662E761BEE2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967303" y="1026830"/>
            <a:ext cx="4881003" cy="4804339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F1D2DA68-B2DC-418C-869B-415DA13B896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967303" y="5822829"/>
            <a:ext cx="4881003" cy="231205"/>
          </a:xfrm>
          <a:prstGeom prst="rect">
            <a:avLst/>
          </a:prstGeom>
        </p:spPr>
      </p:pic>
      <p:sp>
        <p:nvSpPr>
          <p:cNvPr id="13" name="Tekstfelt 12">
            <a:extLst>
              <a:ext uri="{FF2B5EF4-FFF2-40B4-BE49-F238E27FC236}">
                <a16:creationId xmlns:a16="http://schemas.microsoft.com/office/drawing/2014/main" id="{91178902-CA46-40AE-846E-980297C215D7}"/>
              </a:ext>
            </a:extLst>
          </p:cNvPr>
          <p:cNvSpPr txBox="1"/>
          <p:nvPr/>
        </p:nvSpPr>
        <p:spPr>
          <a:xfrm rot="16200000">
            <a:off x="505788" y="3441767"/>
            <a:ext cx="1224136" cy="25890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>
                <a:solidFill>
                  <a:srgbClr val="FF0000"/>
                </a:solidFill>
              </a:rPr>
              <a:t>04-FEB-20</a:t>
            </a:r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BAA9083C-1DA6-4385-A2D4-3B63AFF098E2}"/>
              </a:ext>
            </a:extLst>
          </p:cNvPr>
          <p:cNvSpPr txBox="1"/>
          <p:nvPr/>
        </p:nvSpPr>
        <p:spPr>
          <a:xfrm rot="16200000">
            <a:off x="6117442" y="3441768"/>
            <a:ext cx="1224136" cy="25890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>
                <a:solidFill>
                  <a:srgbClr val="FF0000"/>
                </a:solidFill>
              </a:rPr>
              <a:t>17-AUG-22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09817E69-71FF-4FBE-B9F5-2DD4D0964697}"/>
              </a:ext>
            </a:extLst>
          </p:cNvPr>
          <p:cNvSpPr txBox="1"/>
          <p:nvPr/>
        </p:nvSpPr>
        <p:spPr>
          <a:xfrm>
            <a:off x="4655840" y="1772816"/>
            <a:ext cx="432048" cy="25890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sz="1400" dirty="0">
                <a:solidFill>
                  <a:srgbClr val="FF0000"/>
                </a:solidFill>
              </a:rPr>
              <a:t>50%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F9806A5B-1390-4E9C-8227-D0BD60A50AA3}"/>
              </a:ext>
            </a:extLst>
          </p:cNvPr>
          <p:cNvSpPr txBox="1"/>
          <p:nvPr/>
        </p:nvSpPr>
        <p:spPr>
          <a:xfrm>
            <a:off x="5266064" y="1772816"/>
            <a:ext cx="432048" cy="25890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sz="1400" dirty="0">
                <a:solidFill>
                  <a:srgbClr val="FF0000"/>
                </a:solidFill>
              </a:rPr>
              <a:t>38%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2862BC1B-AE8E-4FC2-8C28-CA83FE3A446C}"/>
              </a:ext>
            </a:extLst>
          </p:cNvPr>
          <p:cNvSpPr txBox="1"/>
          <p:nvPr/>
        </p:nvSpPr>
        <p:spPr>
          <a:xfrm>
            <a:off x="5861818" y="1772816"/>
            <a:ext cx="432048" cy="25890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sz="1400" dirty="0">
                <a:solidFill>
                  <a:srgbClr val="FF0000"/>
                </a:solidFill>
              </a:rPr>
              <a:t>12%</a:t>
            </a: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3BE93046-B65C-42B9-A376-D9AC450FB7C6}"/>
              </a:ext>
            </a:extLst>
          </p:cNvPr>
          <p:cNvSpPr txBox="1"/>
          <p:nvPr/>
        </p:nvSpPr>
        <p:spPr>
          <a:xfrm>
            <a:off x="10824911" y="1772816"/>
            <a:ext cx="432048" cy="25890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sz="1400" dirty="0">
                <a:solidFill>
                  <a:srgbClr val="FF0000"/>
                </a:solidFill>
              </a:rPr>
              <a:t>38%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EA69ECDF-0159-4BDE-A492-22201261C7D0}"/>
              </a:ext>
            </a:extLst>
          </p:cNvPr>
          <p:cNvSpPr txBox="1"/>
          <p:nvPr/>
        </p:nvSpPr>
        <p:spPr>
          <a:xfrm>
            <a:off x="11416258" y="1772816"/>
            <a:ext cx="432048" cy="25890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sz="1400" dirty="0">
                <a:solidFill>
                  <a:srgbClr val="FF0000"/>
                </a:solidFill>
              </a:rPr>
              <a:t>62%</a:t>
            </a:r>
          </a:p>
        </p:txBody>
      </p:sp>
      <p:sp>
        <p:nvSpPr>
          <p:cNvPr id="21" name="Tekstfelt 20">
            <a:extLst>
              <a:ext uri="{FF2B5EF4-FFF2-40B4-BE49-F238E27FC236}">
                <a16:creationId xmlns:a16="http://schemas.microsoft.com/office/drawing/2014/main" id="{7D1C4EE8-4010-4C1A-9138-DE2C06F1DD01}"/>
              </a:ext>
            </a:extLst>
          </p:cNvPr>
          <p:cNvSpPr txBox="1"/>
          <p:nvPr/>
        </p:nvSpPr>
        <p:spPr>
          <a:xfrm>
            <a:off x="10392863" y="1772816"/>
            <a:ext cx="432048" cy="25890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sz="1400" dirty="0">
                <a:solidFill>
                  <a:srgbClr val="FF0000"/>
                </a:solidFill>
              </a:rPr>
              <a:t>0</a:t>
            </a:r>
          </a:p>
        </p:txBody>
      </p:sp>
      <p:sp>
        <p:nvSpPr>
          <p:cNvPr id="4" name="Tekstfelt 3">
            <a:extLst>
              <a:ext uri="{FF2B5EF4-FFF2-40B4-BE49-F238E27FC236}">
                <a16:creationId xmlns:a16="http://schemas.microsoft.com/office/drawing/2014/main" id="{D82B9368-7B41-4920-85E7-0026C7E4D7A4}"/>
              </a:ext>
            </a:extLst>
          </p:cNvPr>
          <p:cNvSpPr txBox="1"/>
          <p:nvPr/>
        </p:nvSpPr>
        <p:spPr>
          <a:xfrm>
            <a:off x="11632282" y="260472"/>
            <a:ext cx="914400" cy="25890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T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330463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039692-1880-477C-8AB9-B5BFF69181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r kom nye kræfter til, som ville noget med Akutafdelingen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EE88FCF-3FE0-4518-A36A-9A6FFBAB7C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060CE3B1-0867-464D-A316-3FA431DAB7D8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827510"/>
            <a:ext cx="10136614" cy="4157774"/>
          </a:xfrm>
        </p:spPr>
        <p:txBody>
          <a:bodyPr/>
          <a:lstStyle/>
          <a:p>
            <a:r>
              <a:rPr lang="da-DK" dirty="0"/>
              <a:t>Ny cheflæge, ny UAO, ny områdeansvarlig overlæge, dedikeret UKYL</a:t>
            </a:r>
          </a:p>
          <a:p>
            <a:r>
              <a:rPr lang="da-DK" dirty="0"/>
              <a:t>UAO fik mandat og tid til at fremme uddannelse</a:t>
            </a:r>
          </a:p>
          <a:p>
            <a:r>
              <a:rPr lang="da-DK" dirty="0"/>
              <a:t>Strategi</a:t>
            </a:r>
          </a:p>
          <a:p>
            <a:pPr lvl="1"/>
            <a:r>
              <a:rPr lang="da-DK" dirty="0"/>
              <a:t>Generel plan for uddannelsesaktivitet</a:t>
            </a:r>
          </a:p>
          <a:p>
            <a:pPr lvl="2"/>
            <a:r>
              <a:rPr lang="da-DK" dirty="0"/>
              <a:t>Trygt læringsmiljø, god dynamik, respekt og dialog</a:t>
            </a:r>
          </a:p>
          <a:p>
            <a:pPr lvl="1"/>
            <a:r>
              <a:rPr lang="da-DK" dirty="0"/>
              <a:t>Prioritet af vejlederrolle og akutmedicinsk rollemodel</a:t>
            </a:r>
          </a:p>
          <a:p>
            <a:pPr lvl="2"/>
            <a:r>
              <a:rPr lang="da-DK" dirty="0"/>
              <a:t>Uddannelsen hjemtaget til egen afdeling i stedet for ophold i øvrige specialer </a:t>
            </a:r>
          </a:p>
          <a:p>
            <a:pPr lvl="2"/>
            <a:r>
              <a:rPr lang="da-DK" dirty="0"/>
              <a:t>Større fællesskabsfølelse, kontinuitet i undervisning, nærhed til superviserende læger</a:t>
            </a:r>
          </a:p>
          <a:p>
            <a:pPr lvl="1"/>
            <a:r>
              <a:rPr lang="da-DK" dirty="0"/>
              <a:t>Forskning / kvalitetsprojekter / kronikker</a:t>
            </a:r>
          </a:p>
          <a:p>
            <a:pPr marL="702000" lvl="2" indent="0">
              <a:buNone/>
            </a:pPr>
            <a:r>
              <a:rPr lang="da-DK" dirty="0"/>
              <a:t> 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E072D40D-49FA-4E85-8631-97BB66CBD6D3}"/>
              </a:ext>
            </a:extLst>
          </p:cNvPr>
          <p:cNvSpPr txBox="1"/>
          <p:nvPr/>
        </p:nvSpPr>
        <p:spPr>
          <a:xfrm>
            <a:off x="11504613" y="255301"/>
            <a:ext cx="914400" cy="26925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T</a:t>
            </a:r>
          </a:p>
        </p:txBody>
      </p:sp>
    </p:spTree>
    <p:extLst>
      <p:ext uri="{BB962C8B-B14F-4D97-AF65-F5344CB8AC3E}">
        <p14:creationId xmlns:p14="http://schemas.microsoft.com/office/powerpoint/2010/main" val="423772197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B4EDCA3-8768-4DFB-96C5-3D20FAA194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999" y="546701"/>
            <a:ext cx="10137524" cy="578043"/>
          </a:xfrm>
        </p:spPr>
        <p:txBody>
          <a:bodyPr/>
          <a:lstStyle/>
          <a:p>
            <a:r>
              <a:rPr lang="da-DK" dirty="0"/>
              <a:t>Generel undervisningsplan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3BCCA06-994E-4922-BE13-03DF291199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5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AF57685-97AC-4A04-9460-8DFA529205B9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8" y="1268760"/>
            <a:ext cx="10488641" cy="4536504"/>
          </a:xfrm>
        </p:spPr>
        <p:txBody>
          <a:bodyPr/>
          <a:lstStyle/>
          <a:p>
            <a:pPr>
              <a:lnSpc>
                <a:spcPct val="80000"/>
              </a:lnSpc>
            </a:pPr>
            <a:r>
              <a:rPr lang="da-DK" altLang="da-DK" sz="2000" dirty="0"/>
              <a:t>Dagligt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Konference kl. 8:00 i AKA</a:t>
            </a:r>
          </a:p>
          <a:p>
            <a:pPr lvl="2">
              <a:lnSpc>
                <a:spcPct val="80000"/>
              </a:lnSpc>
            </a:pPr>
            <a:r>
              <a:rPr lang="da-DK" altLang="da-DK" sz="2000" dirty="0">
                <a:solidFill>
                  <a:srgbClr val="FF0000"/>
                </a:solidFill>
              </a:rPr>
              <a:t>Dagens EKG, dagens </a:t>
            </a:r>
            <a:r>
              <a:rPr lang="da-DK" altLang="da-DK" sz="2000" dirty="0" err="1">
                <a:solidFill>
                  <a:srgbClr val="FF0000"/>
                </a:solidFill>
              </a:rPr>
              <a:t>rtg</a:t>
            </a:r>
            <a:r>
              <a:rPr lang="da-DK" altLang="da-DK" sz="2000" dirty="0">
                <a:solidFill>
                  <a:srgbClr val="FF0000"/>
                </a:solidFill>
              </a:rPr>
              <a:t> billede, dagens case, eller dagens A-punktur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Case orienteret prospektiv patient evaluering (COPE)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Kørsel A</a:t>
            </a:r>
          </a:p>
          <a:p>
            <a:pPr>
              <a:lnSpc>
                <a:spcPct val="80000"/>
              </a:lnSpc>
            </a:pPr>
            <a:r>
              <a:rPr lang="da-DK" altLang="da-DK" sz="2000" dirty="0"/>
              <a:t>Ugentligt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Mandage 08:30 – 08:45 Case undervisning, herunder </a:t>
            </a:r>
            <a:r>
              <a:rPr lang="da-DK" altLang="da-DK" dirty="0" err="1"/>
              <a:t>mystery</a:t>
            </a:r>
            <a:r>
              <a:rPr lang="da-DK" altLang="da-DK" dirty="0"/>
              <a:t> cases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Tirsdage 08:30 - 08:45 Journal </a:t>
            </a:r>
            <a:r>
              <a:rPr lang="da-DK" altLang="da-DK" dirty="0" err="1"/>
              <a:t>club</a:t>
            </a:r>
            <a:endParaRPr lang="da-DK" altLang="da-DK" dirty="0"/>
          </a:p>
          <a:p>
            <a:pPr lvl="1">
              <a:lnSpc>
                <a:spcPct val="80000"/>
              </a:lnSpc>
            </a:pPr>
            <a:r>
              <a:rPr lang="da-DK" altLang="da-DK" dirty="0"/>
              <a:t>Onsdage 08:15 – 08:30 Lægefaglig undervisning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Torsdage 08:30 – 09:00 Speciallæge og YL møder / vejledermøder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Fredage 08:00 - 09:00  In situ simulationstræning Traumestuen (2 læger og 2 sygeplejersker) v Birgit Riecke</a:t>
            </a:r>
          </a:p>
          <a:p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A311588B-78A0-4F71-ABC1-B86BD85C6DAF}"/>
              </a:ext>
            </a:extLst>
          </p:cNvPr>
          <p:cNvSpPr txBox="1"/>
          <p:nvPr/>
        </p:nvSpPr>
        <p:spPr>
          <a:xfrm>
            <a:off x="11568608" y="330677"/>
            <a:ext cx="914400" cy="28803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B</a:t>
            </a:r>
          </a:p>
        </p:txBody>
      </p:sp>
    </p:spTree>
    <p:extLst>
      <p:ext uri="{BB962C8B-B14F-4D97-AF65-F5344CB8AC3E}">
        <p14:creationId xmlns:p14="http://schemas.microsoft.com/office/powerpoint/2010/main" val="2532044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64842D6-C7AE-4D69-82B2-A6141A2C7B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999" y="620688"/>
            <a:ext cx="10137524" cy="504056"/>
          </a:xfrm>
        </p:spPr>
        <p:txBody>
          <a:bodyPr/>
          <a:lstStyle/>
          <a:p>
            <a:r>
              <a:rPr lang="da-DK" dirty="0"/>
              <a:t>Generel undervisningsplan (forts)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265C14C-EF0A-47A6-94EB-DC27183454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6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300F003-D6CD-48F7-995D-AE7B2E1EF07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196752"/>
            <a:ext cx="10136614" cy="4824536"/>
          </a:xfrm>
        </p:spPr>
        <p:txBody>
          <a:bodyPr/>
          <a:lstStyle/>
          <a:p>
            <a:pPr>
              <a:lnSpc>
                <a:spcPct val="80000"/>
              </a:lnSpc>
            </a:pPr>
            <a:r>
              <a:rPr lang="da-DK" altLang="da-DK" sz="2000" dirty="0"/>
              <a:t>Månedligt</a:t>
            </a:r>
          </a:p>
          <a:p>
            <a:pPr lvl="1">
              <a:lnSpc>
                <a:spcPct val="80000"/>
              </a:lnSpc>
            </a:pPr>
            <a:r>
              <a:rPr lang="da-DK" altLang="da-DK" dirty="0" err="1"/>
              <a:t>Morbidity</a:t>
            </a:r>
            <a:r>
              <a:rPr lang="da-DK" altLang="da-DK" dirty="0"/>
              <a:t> and </a:t>
            </a:r>
            <a:r>
              <a:rPr lang="da-DK" altLang="da-DK" dirty="0" err="1"/>
              <a:t>mortality</a:t>
            </a:r>
            <a:r>
              <a:rPr lang="da-DK" altLang="da-DK" dirty="0"/>
              <a:t> møde v overlæge Halfdan Lauridsen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Medicinsk akutkald ”MAK” træning. </a:t>
            </a:r>
            <a:r>
              <a:rPr lang="da-DK" altLang="da-DK" dirty="0">
                <a:solidFill>
                  <a:srgbClr val="00B050"/>
                </a:solidFill>
              </a:rPr>
              <a:t>2.tirsdag i måneden</a:t>
            </a:r>
            <a:endParaRPr lang="da-DK" altLang="da-DK" dirty="0"/>
          </a:p>
          <a:p>
            <a:pPr lvl="1">
              <a:lnSpc>
                <a:spcPct val="80000"/>
              </a:lnSpc>
            </a:pPr>
            <a:r>
              <a:rPr lang="da-DK" altLang="da-DK" dirty="0" err="1"/>
              <a:t>Staffmeeting</a:t>
            </a:r>
            <a:r>
              <a:rPr lang="da-DK" altLang="da-DK" dirty="0"/>
              <a:t> </a:t>
            </a:r>
            <a:r>
              <a:rPr lang="da-DK" altLang="da-DK" dirty="0">
                <a:solidFill>
                  <a:srgbClr val="00B050"/>
                </a:solidFill>
              </a:rPr>
              <a:t>2. onsdag i måneden</a:t>
            </a:r>
            <a:endParaRPr lang="da-DK" altLang="da-DK" dirty="0"/>
          </a:p>
          <a:p>
            <a:pPr>
              <a:lnSpc>
                <a:spcPct val="80000"/>
              </a:lnSpc>
            </a:pPr>
            <a:r>
              <a:rPr lang="da-DK" altLang="da-DK" sz="2000" dirty="0"/>
              <a:t>Øvrig undervisning 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Kompetenceoptimering af medarbejdere i Akutmodtagelsen (KOMA) SIM Nord</a:t>
            </a:r>
          </a:p>
          <a:p>
            <a:pPr lvl="2">
              <a:lnSpc>
                <a:spcPct val="80000"/>
              </a:lnSpc>
            </a:pPr>
            <a:r>
              <a:rPr lang="da-DK" altLang="da-DK" sz="1400" dirty="0"/>
              <a:t>Fx: Ny vejledning for GHB, venøs gas, beredskabsplan, konflikthåndtering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Deltagelse i udekørende team, mesterlære i Tværsektoriel Team 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Ultralyds kursus ved </a:t>
            </a:r>
            <a:r>
              <a:rPr lang="da-DK" altLang="da-DK" dirty="0" err="1"/>
              <a:t>overl</a:t>
            </a:r>
            <a:r>
              <a:rPr lang="da-DK" altLang="da-DK" dirty="0"/>
              <a:t> Halfdan Lauridsen af 4 timers varighed med figuranter i forbindelse med introforløb med mulighed for certificering i abdominal UL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Neurologi og svimmelhed ved </a:t>
            </a:r>
            <a:r>
              <a:rPr lang="da-DK" altLang="da-DK" dirty="0" err="1"/>
              <a:t>overl</a:t>
            </a:r>
            <a:r>
              <a:rPr lang="da-DK" altLang="da-DK" dirty="0"/>
              <a:t> Lisbeth Schjerling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Obligatoriske kurser</a:t>
            </a:r>
          </a:p>
          <a:p>
            <a:pPr lvl="1">
              <a:lnSpc>
                <a:spcPct val="80000"/>
              </a:lnSpc>
            </a:pPr>
            <a:r>
              <a:rPr lang="da-DK" altLang="da-DK" dirty="0"/>
              <a:t>Ad hoc tilbud</a:t>
            </a:r>
          </a:p>
          <a:p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FA8E4999-4955-4E60-A53D-8BA4903BFFE9}"/>
              </a:ext>
            </a:extLst>
          </p:cNvPr>
          <p:cNvSpPr txBox="1"/>
          <p:nvPr/>
        </p:nvSpPr>
        <p:spPr>
          <a:xfrm>
            <a:off x="11519507" y="260668"/>
            <a:ext cx="914400" cy="216024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B</a:t>
            </a:r>
          </a:p>
        </p:txBody>
      </p:sp>
    </p:spTree>
    <p:extLst>
      <p:ext uri="{BB962C8B-B14F-4D97-AF65-F5344CB8AC3E}">
        <p14:creationId xmlns:p14="http://schemas.microsoft.com/office/powerpoint/2010/main" val="23734145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039692-1880-477C-8AB9-B5BFF69181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16459" y="728680"/>
            <a:ext cx="10201217" cy="828112"/>
          </a:xfrm>
        </p:spPr>
        <p:txBody>
          <a:bodyPr/>
          <a:lstStyle/>
          <a:p>
            <a:r>
              <a:rPr lang="da-DK" dirty="0"/>
              <a:t>Da uddannelses skabelonen var udviklet  kunne Akutafdelingen rekruttere flere læg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EE88FCF-3FE0-4518-A36A-9A6FFBAB7C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7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060CE3B1-0867-464D-A316-3FA431DAB7D8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Faglige fundament blevet styrket fra 4 speciallæger til 13 speciallæger </a:t>
            </a:r>
          </a:p>
          <a:p>
            <a:r>
              <a:rPr lang="da-DK" dirty="0"/>
              <a:t>Antallet af speciallæger i akutmedicin er tredoblet. </a:t>
            </a:r>
          </a:p>
          <a:p>
            <a:r>
              <a:rPr lang="da-DK" dirty="0"/>
              <a:t>Antallet af hoveduddannelseslæger er steget fra 0 til 4</a:t>
            </a:r>
          </a:p>
          <a:p>
            <a:r>
              <a:rPr lang="da-DK" dirty="0"/>
              <a:t>Antallet af introduktionslæger er steget fra 2 til 14</a:t>
            </a:r>
          </a:p>
          <a:p>
            <a:r>
              <a:rPr lang="da-DK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Akutafdelingen har </a:t>
            </a:r>
            <a:r>
              <a:rPr lang="da-DK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fået 7 </a:t>
            </a:r>
            <a:r>
              <a:rPr lang="da-DK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KBU læger </a:t>
            </a:r>
          </a:p>
          <a:p>
            <a:r>
              <a:rPr lang="da-DK" dirty="0"/>
              <a:t>Hoveduddannelse i almen medicin inden for akutområdet og kirurgi – 4 læger, start er berammet til efterår 2023.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EC7B1F79-1164-4408-BE23-6BBBCFD84B18}"/>
              </a:ext>
            </a:extLst>
          </p:cNvPr>
          <p:cNvSpPr txBox="1"/>
          <p:nvPr/>
        </p:nvSpPr>
        <p:spPr>
          <a:xfrm>
            <a:off x="11517676" y="350499"/>
            <a:ext cx="914400" cy="32401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T</a:t>
            </a:r>
          </a:p>
        </p:txBody>
      </p:sp>
    </p:spTree>
    <p:extLst>
      <p:ext uri="{BB962C8B-B14F-4D97-AF65-F5344CB8AC3E}">
        <p14:creationId xmlns:p14="http://schemas.microsoft.com/office/powerpoint/2010/main" val="188874881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BB2F0AF-D97F-4100-A460-2D8B68726F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089" y="495763"/>
            <a:ext cx="10137524" cy="504056"/>
          </a:xfrm>
        </p:spPr>
        <p:txBody>
          <a:bodyPr/>
          <a:lstStyle/>
          <a:p>
            <a:r>
              <a:rPr lang="da-DK" dirty="0"/>
              <a:t>Vejleder / vejledte oversigt HU og Intro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826A44E-452B-40ED-B8CD-5875A730EE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8</a:t>
            </a:fld>
            <a:endParaRPr lang="da-DK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D401CD8F-CD7A-4BE5-800C-3DC8912682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75520" y="998730"/>
            <a:ext cx="9073008" cy="5103568"/>
          </a:xfrm>
          <a:prstGeom prst="rect">
            <a:avLst/>
          </a:prstGeom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B1640F4B-3D3E-4062-A35B-BB09C991639C}"/>
              </a:ext>
            </a:extLst>
          </p:cNvPr>
          <p:cNvSpPr txBox="1"/>
          <p:nvPr/>
        </p:nvSpPr>
        <p:spPr>
          <a:xfrm>
            <a:off x="11504613" y="404664"/>
            <a:ext cx="914400" cy="28803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B</a:t>
            </a:r>
          </a:p>
        </p:txBody>
      </p:sp>
    </p:spTree>
    <p:extLst>
      <p:ext uri="{BB962C8B-B14F-4D97-AF65-F5344CB8AC3E}">
        <p14:creationId xmlns:p14="http://schemas.microsoft.com/office/powerpoint/2010/main" val="412014005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BB2F0AF-D97F-4100-A460-2D8B68726F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089" y="495763"/>
            <a:ext cx="10137524" cy="504056"/>
          </a:xfrm>
        </p:spPr>
        <p:txBody>
          <a:bodyPr/>
          <a:lstStyle/>
          <a:p>
            <a:r>
              <a:rPr lang="da-DK" dirty="0"/>
              <a:t>Vejleder / vejledte oversigt KBU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826A44E-452B-40ED-B8CD-5875A730EE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9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41C1FB99-C475-4DB4-B336-CCBEBE5419D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03512" y="958225"/>
            <a:ext cx="9001000" cy="5063063"/>
          </a:xfrm>
          <a:prstGeom prst="rect">
            <a:avLst/>
          </a:prstGeom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647008CD-7205-4087-9EB5-594A95B473B5}"/>
              </a:ext>
            </a:extLst>
          </p:cNvPr>
          <p:cNvSpPr txBox="1"/>
          <p:nvPr/>
        </p:nvSpPr>
        <p:spPr>
          <a:xfrm>
            <a:off x="11424592" y="332656"/>
            <a:ext cx="914400" cy="28803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dirty="0"/>
              <a:t>B</a:t>
            </a:r>
          </a:p>
        </p:txBody>
      </p:sp>
    </p:spTree>
    <p:extLst>
      <p:ext uri="{BB962C8B-B14F-4D97-AF65-F5344CB8AC3E}">
        <p14:creationId xmlns:p14="http://schemas.microsoft.com/office/powerpoint/2010/main" val="2852899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ue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19A5EA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6973038323624315","enableDocumentContentUpdater":true,"version":"1.3"}]]></TemplafySlideTemplate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6973038327532712","enableDocumentContentUpdater":true,"version":"1.3"}]]></TemplafySlideTemplate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105359336269917","enableDocumentContentUpdater":true,"version":"1.3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6.xml><?xml version="1.0" encoding="utf-8"?>
<TemplafyFormConfiguration><![CDATA[{"formFields":[{"required":false,"placeholder":"Præsentationens titel/beskrivelse (venstre sidefod)","lines":0,"helpTexts":{"prefix":"","postfix":""},"spacing":{},"type":"textBox","name":"PresentationTitle","label":"Titel/beskrivelse","fullyQualifiedName":"PresentationTitle"},{"required":false,"placeholder":"","lines":0,"helpTexts":{"prefix":"Indsæt ønsket dato (fjerner brugernavnet)","postfix":""},"spacing":{},"type":"textBox","name":"Manuel_dato","label":"Dato","fullyQualifiedName":"Manuel_dato"}],"formDataEntries":[]}]]></TemplafyFormConfiguration>
</file>

<file path=customXml/item7.xml><?xml version="1.0" encoding="utf-8"?>
<TemplafyTemplateConfiguration><![CDATA[{"elementsMetadata":[{"type":"shape","id":"85f20922-21f2-427c-8351-593f4817589d","elementConfiguration":{"inheritDimensions":"inheritNone","width":"1.9 cm","height":"1.9 cm","disableUpdates":false,"type":"image"}},{"type":"shape","id":"800620bb-e57f-48d3-9bb4-07555e9ef95d","elementConfiguration":{"binding":"UserProfile.Office.Virksomhed_{{DocumentLanguage}}","disableUpdates":false,"type":"text"}},{"type":"shape","id":"c3853f00-bce6-4ea7-b0c0-b5b1d3d15428","elementConfiguration":{"binding":"UserProfile.CenterFreeText","visibility":{"action":"hide","binding":"UserProfile.Centers.CenterUI","operator":"notEquals","compareValue":"Intet valgt"},"disableUpdates":false,"type":"text"}},{"type":"shape","id":"d4b8eac3-c3d7-44ab-b0f1-0ee9a5ed050b","elementConfiguration":{"binding":"UserProfile.Centers.Center_{{DocumentLanguage}}","visibility":{"action":"hide","binding":"UserProfile.Centers.CenterUI","operator":"equals","compareValue":"Intet valgt"},"disableUpdates":false,"type":"text"}},{"type":"shape","id":"3bc2ceec-7425-4083-b350-bb5a3540a2c2","elementConfiguration":{"binding":"Form.PresentationTitle","disableUpdates":false,"type":"text"}},{"type":"shape","id":"19a8837d-101e-41a0-8a2d-daae4c8c6031","elementConfiguration":{"inheritDimensions":"inheritNone","width":"1.9 cm","height":"1.9 cm","binding":"UserProfile.Office.LogoColor_DCU","disableUpdates":false,"type":"image"}},{"type":"shape","id":"9323f4a0-87c8-4c4f-9967-59471fc64dcd","elementConfiguration":{"inheritDimensions":"inheritNone","width":"3.68 cm","height":"1.17 cm","binding":"UserProfile.EkstraLogo.ExtraLogoPPNEGDCU_{{DocumentLanguage}}","disableUpdates":false,"type":"image"}},{"type":"shape","id":"6a161364-91c8-4324-a6d5-58339dc7662a","elementConfiguration":{"inheritDimensions":"inheritNone","width":"2.42 cm","height":"2.5 cm","binding":"UserProfile.EkstraLogo.ExtraLogoFive_PP_DCU_{{DocumentLanguage}}","disableUpdates":false,"type":"image"}},{"type":"shape","id":"15ad9f51-5248-4e38-9922-938602e80200","elementConfiguration":{"inheritDimensions":"inheritNone","width":"2.42 cm","height":"2.5 cm","binding":"UserProfile.EkstraLogo.ExtraLogoTwo_PP_DCU_{{DocumentLanguage}}","disableUpdates":false,"type":"image"}},{"type":"shape","id":"7a00bd5b-a264-4da3-9641-244087048599","elementConfiguration":{"binding":"UserProfile.Name","visibility":{"action":"hide","binding":"Form.Manuel_dato","operator":"notEquals","compareValue":""},"disableUpdates":false,"type":"text"}},{"type":"shape","id":"e2bdb4b3-fef3-48c4-8fe6-8f58919de3a8","elementConfiguration":{"binding":"Form.Manuel_dato","visibility":{"action":"hide","operator":"equals","compareValue":""},"disableUpdates":false,"type":"text"}},{"type":"shape","id":"4f053b8f-78b4-4ea5-8706-c1d2bc626a7f","elementConfiguration":{"inheritDimensions":"inheritNone","width":"6.05 cm","height":"1.9 cm","binding":"UserProfile.EkstraLogo.ExtraLogoSix_PP_DCU_{{DocumentLanguage}}","disableUpdates":false,"type":"image"}},{"type":"shape","id":"8904ce4f-dd4c-45f0-88b9-4d6a94f79a13","elementConfiguration":{"inheritDimensions":"inheritWidth","width":"1.91 cm","binding":"UserProfile.Office.LogoH_PP_DCU","disableUpdates":false,"type":"image"}},{"type":"shape","id":"70f2de1e-c673-4e66-90b1-bb1eaf529eaa","elementConfiguration":{"inheritDimensions":"inheritNone","width":"3.68 cm","height":"1.17 cm","binding":"UserProfile.EkstraLogo.ExtraLogoPPDCU_{{DocumentLanguage}}","disableUpdates":false,"type":"image"}},{"type":"shape","id":"d7630115-92eb-485f-be64-4348f825c1ae","elementConfiguration":{"binding":"UserProfile.Office.Virksomhed_{{DocumentLanguage}}","disableUpdates":false,"type":"text"}},{"type":"shape","id":"5b44ab66-1280-4105-be02-e8a036352714","elementConfiguration":{"binding":"UserProfile.CenterFreeText","visibility":{"action":"hide","binding":"UserProfile.Centers.CenterUI","operator":"notEquals","compareValue":"Intet valgt"},"disableUpdates":false,"type":"text"}},{"type":"shape","id":"5baf3bd3-7d23-4378-96f2-14e92b4ee7fb","elementConfiguration":{"binding":"UserProfile.Centers.Center_{{DocumentLanguage}}","visibility":{"action":"hide","binding":"UserProfile.Centers.CenterUI","operator":"equals","compareValue":"Intet valgt"},"disableUpdates":false,"type":"text"}},{"type":"shape","id":"d42dd19f-5976-42bd-877c-fe93ff2e1eee","elementConfiguration":{"binding":"Form.PresentationTitle","disableUpdates":false,"type":"text"}},{"type":"shape","id":"9c150c41-5319-402f-9525-c71fc2f0fa71","elementConfiguration":{"inheritDimensions":"inheritNone","width":"2.42 cm","height":"2.5 cm","binding":"UserProfile.EkstraLogo.ExtraLogoFive_PP_DCU_{{DocumentLanguage}}","disableUpdates":false,"type":"image"}},{"type":"shape","id":"9528c8e3-5cb4-4a91-9d4c-365cc6466dad","elementConfiguration":{"inheritDimensions":"inheritNone","width":"2.42 cm","height":"2.5 cm","binding":"UserProfile.EkstraLogo.ExtraLogoTwo_PP_DCU_{{DocumentLanguage}}","disableUpdates":false,"type":"image"}},{"type":"shape","id":"e56eebbb-1a4b-4506-9f9d-b793442aa247","elementConfiguration":{"binding":"UserProfile.Name","visibility":{"action":"hide","binding":"Form.Manuel_dato","operator":"notEquals","compareValue":""},"disableUpdates":false,"type":"text"}},{"type":"shape","id":"e877db94-3fb6-4aff-9ab2-c758585ad964","elementConfiguration":{"binding":"Form.Manuel_dato","visibility":{"action":"hide","operator":"equals","compareValue":""},"disableUpdates":false,"type":"text"}},{"type":"shape","id":"6e831ace-6cfd-49d5-85fe-ec80bdbc9d96","elementConfiguration":{"inheritDimensions":"inheritNone","width":"1.9 cm","height":"19.05 cm","binding":"UserProfile.Office.LogoColor_DCU","disableUpdates":false,"type":"image"}},{"type":"shape","id":"d9d51d9c-40be-4df4-a304-9880856561dd","elementConfiguration":{"inheritDimensions":"inheritNone","width":"6.05 cm","height":"1.9 cm","binding":"UserProfile.EkstraLogo.ExtraLogoSix_PP_DCU_{{DocumentLanguage}}","disableUpdates":false,"type":"image"}},{"type":"shape","id":"5ac63cfc-311d-4a54-9080-480384546d07","elementConfiguration":{"inheritDimensions":"inheritWidth","width":"1.91 cm","binding":"UserProfile.Office.LogoH_PP_DCU","disableUpdates":false,"type":"image"}},{"type":"shape","id":"d2eb6369-391c-4f9d-a734-fdf90c52ede5","elementConfiguration":{"binding":"UserProfile.Office.Virksomhed_{{DocumentLanguage}}","disableUpdates":false,"type":"text"}},{"type":"shape","id":"d142937c-10c9-48f2-bbeb-81aad7b09a9d","elementConfiguration":{"binding":"UserProfile.CenterFreeText","visibility":{"action":"hide","binding":"UserProfile.Centers.CenterUI","operator":"notEquals","compareValue":"Intet valgt"},"disableUpdates":false,"type":"text"}},{"type":"shape","id":"166d2504-a91c-4e1d-a6c2-92f5e85b503e","elementConfiguration":{"binding":"UserProfile.Centers.Center_{{DocumentLanguage}}","visibility":{"action":"hide","binding":"UserProfile.Centers.CenterUI","operator":"equals","compareValue":"Intet valgt"},"disableUpdates":false,"type":"text"}},{"type":"shape","id":"89e26acb-151c-452a-a2dd-70cfbefb2e85","elementConfiguration":{"binding":"Form.PresentationTitle","disableUpdates":false,"type":"text"}},{"type":"shape","id":"a9f3e89c-2850-448a-8c58-74e81ab9aec0","elementConfiguration":{"inheritDimensions":"inheritNone","width":"1.9 cm","height":"1.9 cm","binding":"UserProfile.Office.LogoColor_DCU","disableUpdates":false,"type":"image"}},{"type":"shape","id":"ae232b58-3b2c-4505-ab1d-609ea1b284c0","elementConfiguration":{"inheritDimensions":"inheritNone","width":"3.68 cm","height":"1.17 cm","binding":"UserProfile.EkstraLogo.ExtraLogoPPNEGDCU_{{DocumentLanguage}}","disableUpdates":false,"type":"image"}},{"type":"shape","id":"d9b49069-1b7d-4a59-ae74-924a8dc0b2e0","elementConfiguration":{"inheritDimensions":"inheritNone","width":"2.42 cm","height":"2.5 cm","binding":"UserProfile.EkstraLogo.ExtraLogoFive_PP_DCU_{{DocumentLanguage}}","disableUpdates":false,"type":"image"}},{"type":"shape","id":"ce2bb99b-945a-4c91-90ed-4aba4e782b73","elementConfiguration":{"inheritDimensions":"inheritNone","width":"2.42 cm","height":"2.5 cm","binding":"UserProfile.EkstraLogo.ExtraLogoTwo_PP_DCU_{{DocumentLanguage}}","disableUpdates":false,"type":"image"}},{"type":"shape","id":"041ceabb-bfaa-47dd-b272-ef36d300d443","elementConfiguration":{"binding":"UserProfile.Name","visibility":{"action":"hide","binding":"Form.Manuel_dato","operator":"notEquals","compareValue":""},"disableUpdates":false,"type":"text"}},{"type":"shape","id":"1db915e9-1cce-499a-9836-dc74c5417f85","elementConfiguration":{"binding":"Form.Manuel_dato","visibility":{"action":"hide","operator":"equals","compareValue":""},"disableUpdates":false,"type":"text"}},{"type":"shape","id":"d6199d12-c7b9-412a-a819-b32054cbd6f6","elementConfiguration":{"inheritDimensions":"inheritNone","width":"6.05 cm","height":"1.9 cm","binding":"UserProfile.EkstraLogo.ExtraLogoSix_PP_DCU_{{DocumentLanguage}}","disableUpdates":false,"type":"image"}},{"type":"shape","id":"37ccbcc0-2e85-43db-8b5e-526c39c441bf","elementConfiguration":{"inheritDimensions":"inheritWidth","width":"1.91 cm","binding":"UserProfile.Office.LogoH_PP_DCU","disableUpdates":false,"type":"image"}},{"type":"shape","id":"42de4d8d-64cb-4e43-af6f-5f2b087dd2c9","elementConfiguration":{"binding":"UserProfile.Office.Virksomhed_{{DocumentLanguage}}","disableUpdates":false,"type":"text"}},{"type":"shape","id":"666f23a8-0de3-473d-912d-18993bd45383","elementConfiguration":{"binding":"UserProfile.CenterFreeText","visibility":{"action":"hide","binding":"UserProfile.Centers.CenterUI","operator":"notEquals","compareValue":"Intet valgt"},"disableUpdates":false,"type":"text"}},{"type":"shape","id":"fd2c906d-cab9-49e9-b4cc-3dfc6515207e","elementConfiguration":{"binding":"UserProfile.Centers.Center_{{DocumentLanguage}}","visibility":{"action":"hide","binding":"UserProfile.Centers.CenterUI","operator":"equals","compareValue":"Intet valgt"},"disableUpdates":false,"type":"text"}},{"type":"shape","id":"37ebe200-0f8e-42b9-8480-e62c21dda219","elementConfiguration":{"binding":"Form.PresentationTitle","disableUpdates":false,"type":"text"}},{"type":"shape","id":"a15e2ecb-81ae-4972-ae8d-199c198b82af","elementConfiguration":{"inheritDimensions":"inheritNone","width":"1.9 cm","height":"1.9 cm","binding":"UserProfile.Office.LogoColor_DCU","disableUpdates":false,"type":"image"}},{"type":"shape","id":"e62534da-6fd4-43ee-b38f-23c38d19c7cc","elementConfiguration":{"inheritDimensions":"inheritNone","width":"3.68 cm","height":"1.17 cm","binding":"UserProfile.EkstraLogo.ExtraLogoPPNEGDCU_{{DocumentLanguage}}","disableUpdates":false,"type":"image"}},{"type":"shape","id":"be30bf1d-3bfb-4d1d-ab7d-1becae93f7d9","elementConfiguration":{"inheritDimensions":"inheritNone","width":"2.42 cm","height":"2.5 cm","binding":"UserProfile.EkstraLogo.ExtraLogoFive_PP_DCU_{{DocumentLanguage}}","disableUpdates":false,"type":"image"}},{"type":"shape","id":"f05bcc2e-1f11-4172-a8b5-828be0fd5f93","elementConfiguration":{"inheritDimensions":"inheritNone","width":"2.42 cm","height":"2.5 cm","binding":"UserProfile.EkstraLogo.ExtraLogoTwo_PP_DCU_{{DocumentLanguage}}","disableUpdates":false,"type":"image"}},{"type":"shape","id":"9621d56e-4583-4990-9806-e2238be5aa99","elementConfiguration":{"binding":"UserProfile.Name","visibility":{"action":"hide","binding":"Form.Manuel_dato","operator":"notEquals","compareValue":""},"disableUpdates":false,"type":"text"}},{"type":"shape","id":"10b291ca-7936-44b5-9348-f9fe0bc95d67","elementConfiguration":{"binding":"Form.Manuel_dato","visibility":{"action":"hide","operator":"equals","compareValue":""},"disableUpdates":false,"type":"text"}},{"type":"shape","id":"69fc786a-f6f6-4d1c-8436-feb415f7e5de","elementConfiguration":{"inheritDimensions":"inheritNone","width":"6.05 cm","height":"1.9 cm","binding":"UserProfile.EkstraLogo.ExtraLogoSix_PP_DCU_{{DocumentLanguage}}","disableUpdates":false,"type":"image"}},{"type":"shape","id":"29475cc6-7676-474b-bb28-b879904726ae","elementConfiguration":{"inheritDimensions":"inheritWidth","width":"1.91 cm","binding":"UserProfile.Office.LogoH_PP_DCU","disableUpdates":false,"type":"image"}},{"type":"shape","id":"fef7089a-94d6-4790-8b50-5a96aa35ca6a","elementConfiguration":{"inheritDimensions":"inheritNone","width":"33.89 cm","height":"19.07 cm","binding":"UserProfile.Centers.VaelgKorrektSkabelon169DCU","disableUpdates":false,"type":"image"}},{"type":"shape","id":"ef2f43ab-b93c-4357-a836-39b8fea6aa26","elementConfiguration":{"inheritDimensions":"inheritNone","width":"33.89 cm","height":"19.07 cm","binding":"UserProfile.Centers.VaelgKorrektSkabelon169DCU","disableUpdates":false,"type":"image"}},{"type":"shape","id":"ff78743f-3726-4720-a76b-df38e7e09f64","elementConfiguration":{"binding":"Form.PresentationTitle","disableUpdates":false,"type":"text"}},{"type":"shape","id":"03b627d2-7f10-4d64-9c83-616b44ff8f1f","elementConfiguration":{"binding":"UserProfile.Name","visibility":{"action":"hide","binding":"Form.Manuel_dato","operator":"notEquals","compareValue":""},"disableUpdates":false,"type":"text"}},{"type":"shape","id":"cf2b3527-c7c7-4d17-bec6-265487a5661f","elementConfiguration":{"inheritDimensions":"inheritNone","width":"3.68 cm","height":"1.17 cm","binding":"UserProfile.EkstraLogo.ExtraLogoPPNEGDCU_{{DocumentLanguage}}","disableUpdates":false,"type":"image"}},{"type":"shape","id":"d0c5dbd4-e9a1-4e82-b489-97c198cda9ad","elementConfiguration":{"inheritDimensions":"inheritNone","width":"2.42 cm","height":"2.5 cm","binding":"UserProfile.EkstraLogo.ExtraLogoFive_PP_DCU_{{DocumentLanguage}}","disableUpdates":false,"type":"image"}},{"type":"shape","id":"99f42898-73ee-496e-bc72-788d163b6d1a","elementConfiguration":{"inheritDimensions":"inheritNone","width":"2.42 cm","height":"2.5 cm","binding":"UserProfile.EkstraLogo.ExtraLogoTwo_PP_DCU_{{DocumentLanguage}}","disableUpdates":false,"type":"image"}},{"type":"shape","id":"5a18475a-1be8-4fdf-81d8-5acca036045e","elementConfiguration":{"binding":"UserProfile.Office.Virksomhed_{{DocumentLanguage}}","disableUpdates":false,"type":"text"}},{"type":"shape","id":"737e8e22-cf67-4f79-b6e9-81617f7325e8","elementConfiguration":{"binding":"UserProfile.CenterFreeText","visibility":{"action":"hide","binding":"UserProfile.Centers.CenterUI","operator":"notEquals","compareValue":"Intet valgt"},"disableUpdates":false,"type":"text"}},{"type":"shape","id":"840e349f-b5b3-4af2-9212-fab3f6c8363b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0b0f51be-9963-4d7b-8fa8-6c3c9cf70eb9","elementConfiguration":{"binding":"Form.Manuel_dato","visibility":{"action":"hide","operator":"equals","compareValue":""},"disableUpdates":false,"type":"text"}},{"type":"shape","id":"83af88c2-c7c7-4db3-91ba-78d8b9b494fb","elementConfiguration":{"inheritDimensions":"inheritNone","width":"1.9 cm","height":"19.05 cm","binding":"UserProfile.Office.LogoColor_DCU","disableUpdates":false,"type":"image"}},{"type":"shape","id":"9af16601-4027-42fa-88b4-4c4b5f7d6a87","elementConfiguration":{"inheritDimensions":"inheritNone","width":"6.05 cm","height":"1.9 cm","binding":"UserProfile.EkstraLogo.ExtraLogoSix_PP_DCU_{{DocumentLanguage}}","disableUpdates":false,"type":"image"}},{"type":"shape","id":"9ef2ae33-a29a-4008-b61f-efa578503e66","elementConfiguration":{"inheritDimensions":"inheritWidth","width":"1.91 cm","binding":"UserProfile.Office.LogoH_PP_DCU","disableUpdates":false,"type":"image"}},{"type":"shape","id":"df922c1d-3664-46d7-8a86-de7bfdebc20b","elementConfiguration":{"inheritDimensions":"inheritNone","width":"1.9 cm","height":"19.05 cm","binding":"UserProfile.Office.LogoColor_DCU","disableUpdates":false,"type":"image"}},{"type":"shape","id":"c8f946d2-8562-4e21-90de-ef2d77b931b8","elementConfiguration":{"inheritDimensions":"inheritNone","width":"3.68 cm","height":"1.17 cm","binding":"UserProfile.EkstraLogo.ExtraLogoPPNEGDCU_{{DocumentLanguage}}","disableUpdates":false,"type":"image"}},{"type":"shape","id":"3c8d4cd0-8aa7-4643-ba42-5d36153fabb0","elementConfiguration":{"binding":"UserProfile.Office.Virksomhed_{{DocumentLanguage}}","disableUpdates":false,"type":"text"}},{"type":"shape","id":"bcaeacd6-02f1-45b2-980a-912a9661d31e","elementConfiguration":{"binding":"UserProfile.CenterFreeText","visibility":{"action":"hide","binding":"UserProfile.Centers.CenterUI","operator":"notEquals","compareValue":"Intet valgt","compareValues":[""]},"disableUpdates":false,"type":"text"}},{"type":"shape","id":"e5b24b30-f28f-4e47-896d-368cad1476f9","elementConfiguration":{"binding":"UserProfile.Centers.Center_{{DocumentLanguage}}","visibility":{"action":"hide","binding":"UserProfile.Centers.CenterUI","operator":"equals","compareValue":"Intet valgt"},"disableUpdates":false,"type":"text"}},{"type":"shape","id":"4a7b8b1f-4c5c-48f2-8350-b2c54115e501","elementConfiguration":{"binding":"Form.PresentationTitle","disableUpdates":false,"type":"text"}},{"type":"shape","id":"7e0d0a69-40a2-4922-bdd3-f0c3afe0c947","elementConfiguration":{"inheritDimensions":"inheritNone","width":"2.42 cm","height":"2.5 cm","binding":"UserProfile.EkstraLogo.ExtraLogoFive_PP_DCU_{{DocumentLanguage}}","disableUpdates":false,"type":"image"}},{"type":"shape","id":"a0556ae0-6c8f-4326-8312-562006487fa0","elementConfiguration":{"inheritDimensions":"inheritNone","width":"2.42 cm","height":"2.5 cm","binding":"UserProfile.EkstraLogo.ExtraLogoTwo_PP_DCU_{{DocumentLanguage}}","disableUpdates":false,"type":"image"}},{"type":"shape","id":"f5faa584-05f4-479b-8572-b51965307ac4","elementConfiguration":{"binding":"UserProfile.Name","visibility":{"action":"hide","binding":"Form.Manuel_dato","operator":"notEquals","compareValue":""},"disableUpdates":false,"type":"text"}},{"type":"shape","id":"fa32e94c-c4cd-4bfb-9775-992664688219","elementConfiguration":{"binding":"Form.Manuel_dato","visibility":{"action":"hide","operator":"equals","compareValue":""},"disableUpdates":false,"type":"text"}},{"type":"shape","id":"c03068d8-bcb0-47cf-b57e-4b05f9eb6f63","elementConfiguration":{"inheritDimensions":"inheritNone","width":"6.05 cm","height":"1.9 cm","binding":"UserProfile.EkstraLogo.ExtraLogoSixNEG_PP_DCU_{{DocumentLanguage}}","disableUpdates":false,"type":"image"}},{"type":"shape","id":"b7bfeb29-63c1-4bc3-8f6d-143e6cf312a7","elementConfiguration":{"inheritDimensions":"inheritWidth","width":"1.91 cm","binding":"UserProfile.Office.LogoH_PP_DCU","disableUpdates":false,"type":"image"}},{"type":"shape","id":"02644781-5858-4299-86ae-aaa7553e5a92","elementConfiguration":{"inheritDimensions":"inheritNone","width":"33.89 cm","height":"19.07 cm","binding":"UserProfile.Centers.VaelgKorrektSkabelon169DCU","disableUpdates":false,"type":"image"}},{"type":"shape","id":"3d79ab12-0fc9-430a-91a6-b81c3d59d1e2","elementConfiguration":{"inheritDimensions":"inheritNone","width":"33.89 cm","height":"19.07 cm","binding":"UserProfile.Centers.VaelgKorrektSkabelon169DCU","disableUpdates":false,"type":"image"}},{"type":"shape","id":"2179a73b-840b-442d-bc88-d21a12b2a24e","elementConfiguration":{"binding":"Form.PresentationTitle","disableUpdates":false,"type":"text"}},{"type":"shape","id":"ee96c4d8-9ea6-4ec2-a1fb-f28eca283617","elementConfiguration":{"binding":"UserProfile.Name","visibility":{"action":"hide","binding":"Form.Manuel_dato","operator":"notEquals","compareValue":""},"disableUpdates":false,"type":"text"}},{"type":"shape","id":"1c6a3c0f-d068-4ce4-9258-b51a05a5516c","elementConfiguration":{"inheritDimensions":"inheritNone","width":"3.68 cm","height":"1.17 cm","binding":"UserProfile.EkstraLogo.ExtraLogoPPNEGDCU_{{DocumentLanguage}}","disableUpdates":false,"type":"image"}},{"type":"shape","id":"0b8d5f16-b28a-4a94-a073-9a820f439d70","elementConfiguration":{"inheritDimensions":"inheritNone","width":"2.42 cm","height":"2.5 cm","binding":"UserProfile.EkstraLogo.ExtraLogoFive_PP_DCU_{{DocumentLanguage}}","disableUpdates":false,"type":"image"}},{"type":"shape","id":"b99dcfc6-aa02-4f33-afee-8eed0b6f26c9","elementConfiguration":{"inheritDimensions":"inheritNone","width":"2.42 cm","height":"2.5 cm","binding":"UserProfile.EkstraLogo.ExtraLogoTwo_PP_DCU_{{DocumentLanguage}}","disableUpdates":false,"type":"image"}},{"type":"shape","id":"1501d6f4-592c-4d3a-8d56-423d713e2528","elementConfiguration":{"binding":"UserProfile.Office.Virksomhed_{{DocumentLanguage}}","disableUpdates":false,"type":"text"}},{"type":"shape","id":"364e8f35-6a4d-4a34-9d64-3904dd862bbc","elementConfiguration":{"binding":"UserProfile.CenterFreeText","visibility":{"action":"hide","binding":"UserProfile.Centers.CenterUI","operator":"notEquals","compareValue":"Intet valgt"},"disableUpdates":false,"type":"text"}},{"type":"shape","id":"e801eb32-ae22-4958-9060-bdc547f83598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60c08f21-6e18-424b-a2f0-8c0ff5271531","elementConfiguration":{"binding":"Form.Manuel_dato","visibility":{"action":"hide","operator":"equals","compareValue":""},"disableUpdates":false,"type":"text"}},{"type":"shape","id":"abff51c8-6558-4b63-8ca9-9003befcbcf7","elementConfiguration":{"inheritDimensions":"inheritNone","width":"1.9 cm","height":"19.05 cm","binding":"UserProfile.Office.LogoColor_DCU","disableUpdates":false,"type":"image"}},{"type":"shape","id":"cf110647-4ad6-48b1-8a91-ffcfb7c71197","elementConfiguration":{"inheritDimensions":"inheritNone","width":"6.05 cm","height":"1.9 cm","binding":"UserProfile.EkstraLogo.ExtraLogoSix_PP_DCU_{{DocumentLanguage}}","disableUpdates":false,"type":"image"}},{"type":"shape","id":"7e51fe4b-79d9-49f5-8ade-a5eab8bdf9d5","elementConfiguration":{"inheritDimensions":"inheritWidth","width":"1.91 cm","binding":"UserProfile.Office.LogoH_PP_DCU","disableUpdates":false,"type":"image"}},{"type":"shape","id":"c79c5feb-6dd4-4646-9835-550cc3c45f82","elementConfiguration":{"binding":"UserProfile.Office.Virksomhed_{{DocumentLanguage}}","disableUpdates":false,"type":"text"}},{"type":"shape","id":"b060de3d-8c98-41a7-9d3e-650f5f8484bd","elementConfiguration":{"binding":"UserProfile.CenterFreeText","visibility":{"action":"hide","binding":"UserProfile.Centers.CenterUI","operator":"notEquals","compareValue":"Intet valgt","compareValues":[""]},"disableUpdates":false,"type":"text"}},{"type":"shape","id":"e4e49d8c-68ad-46a3-9721-585bf3d907fc","elementConfiguration":{"binding":"UserProfile.Centers.Center_{{DocumentLanguage}}","visibility":{"action":"hide","binding":"UserProfile.Centers.CenterUI","operator":"equals","compareValue":"Intet valgt"},"disableUpdates":false,"type":"text"}},{"type":"shape","id":"b075c950-49a5-4dce-9e0c-e2b42a61e29d","elementConfiguration":{"binding":"Form.PresentationTitle","disableUpdates":false,"type":"text"}},{"type":"shape","id":"b24d94c4-df4c-46d0-ac5f-3164cd76c384","elementConfiguration":{"inheritDimensions":"inheritNone","width":"1.9 cm","height":"1.9 cm","binding":"UserProfile.Office.LogoColor_DCU","disableUpdates":false,"type":"image"}},{"type":"shape","id":"0feb38d8-e492-449c-b3d2-634adfa8d210","elementConfiguration":{"inheritDimensions":"inheritNone","width":"3.68 cm","height":"1.17 cm","binding":"UserProfile.EkstraLogo.ExtraLogoPPNEGDCU_{{DocumentLanguage}}","disableUpdates":false,"type":"image"}},{"type":"shape","id":"81a3d7e0-dbcf-4a86-919a-64b762a7e1fc","elementConfiguration":{"inheritDimensions":"inheritNone","width":"2.42 cm","height":"2.5 cm","binding":"UserProfile.EkstraLogo.ExtraLogoFive_PP_DCU_{{DocumentLanguage}}","disableUpdates":false,"type":"image"}},{"type":"shape","id":"e0aff452-cb37-4ef5-b63f-64b1c993b8bf","elementConfiguration":{"inheritDimensions":"inheritNone","width":"2.42 cm","height":"2.5 cm","binding":"UserProfile.EkstraLogo.ExtraLogoTwo_PP_DCU_{{DocumentLanguage}}","disableUpdates":false,"type":"image"}},{"type":"shape","id":"e00e128e-3ba9-4bb9-9195-00820fdfc799","elementConfiguration":{"binding":"UserProfile.Name","visibility":{"action":"hide","binding":"Form.Manuel_dato","operator":"notEquals","compareValue":""},"disableUpdates":false,"type":"text"}},{"type":"shape","id":"a6ecdc8f-df8a-4f50-95bf-c65123f84836","elementConfiguration":{"binding":"Form.Manuel_dato","visibility":{"action":"hide","operator":"equals","compareValue":""},"disableUpdates":false,"type":"text"}},{"type":"shape","id":"e40ba6cc-5920-4d6c-8000-4926e4f04f1b","elementConfiguration":{"inheritDimensions":"inheritNone","width":"6.05 cm","height":"1.9 cm","binding":"UserProfile.EkstraLogo.ExtraLogoSix_PP_DCU_{{DocumentLanguage}}","disableUpdates":false,"type":"image"}},{"type":"shape","id":"032115d9-0de3-4629-bfa9-22a91b3eaf0d","elementConfiguration":{"inheritDimensions":"inheritWidth","width":"1.91 cm","binding":"UserProfile.Office.LogoH_PP_DCU","disableUpdates":false,"type":"image"}},{"type":"shape","id":"e223d420-b184-4fc2-879e-b81a0cf9db95","elementConfiguration":{"binding":"UserProfile.Office.Virksomhed_{{DocumentLanguage}}","disableUpdates":false,"type":"text"}},{"type":"shape","id":"1a912fbe-cdea-42f4-bb87-ba4d6267d63a","elementConfiguration":{"binding":"UserProfile.CenterFreeText","visibility":{"action":"hide","binding":"UserProfile.Centers.CenterUI","operator":"notEquals","compareValue":"Intet valgt"},"disableUpdates":false,"type":"text"}},{"type":"shape","id":"7050fb72-e38d-4ffa-85b4-b13927211086","elementConfiguration":{"binding":"UserProfile.Centers.Center_{{DocumentLanguage}}","visibility":{"action":"hide","binding":"UserProfile.Centers.CenterUI","operator":"equals","compareValue":"Intet valgt"},"disableUpdates":false,"type":"text"}},{"type":"shape","id":"39e5f6a5-c7a9-49b8-bf47-d0ece1f68d36","elementConfiguration":{"binding":"Form.PresentationTitle","disableUpdates":false,"type":"text"}},{"type":"shape","id":"d38be59c-ac8c-4a09-b2da-9c40dfa2f898","elementConfiguration":{"inheritDimensions":"inheritNone","width":"1.9 cm","height":"1.9 cm","binding":"UserProfile.Office.LogoColor_DCU","disableUpdates":false,"type":"image"}},{"type":"shape","id":"e0370719-0715-4d0f-9ea7-a78237975d87","elementConfiguration":{"inheritDimensions":"inheritNone","width":"3.68 cm","height":"1.17 cm","binding":"UserProfile.EkstraLogo.ExtraLogoPPNEGDCU_{{DocumentLanguage}}","disableUpdates":false,"type":"image"}},{"type":"shape","id":"4e0613b5-5c69-458d-8a6c-4519ad55148f","elementConfiguration":{"inheritDimensions":"inheritNone","width":"2.42 cm","height":"2.5 cm","binding":"UserProfile.EkstraLogo.ExtraLogoFive_PP_DCU_{{DocumentLanguage}}","disableUpdates":false,"type":"image"}},{"type":"shape","id":"39a18c8a-8e58-4e7d-b7f5-d091991f5139","elementConfiguration":{"inheritDimensions":"inheritNone","width":"2.42 cm","height":"2.5 cm","binding":"UserProfile.EkstraLogo.ExtraLogoTwo_PP_DCU_{{DocumentLanguage}}","disableUpdates":false,"type":"image"}},{"type":"shape","id":"b50a6672-fbec-4dd3-a7f3-36b65b9a7c56","elementConfiguration":{"binding":"UserProfile.Name","visibility":{"action":"hide","binding":"Form.Manuel_dato","operator":"notEquals","compareValue":""},"disableUpdates":false,"type":"text"}},{"type":"shape","id":"f1de0134-84da-4f0b-9166-6887d97465d8","elementConfiguration":{"binding":"Form.Manuel_dato","visibility":{"action":"hide","operator":"equals","compareValue":""},"disableUpdates":false,"type":"text"}},{"type":"shape","id":"33044c60-3ade-4b39-9e00-bdbc19af8ffe","elementConfiguration":{"inheritDimensions":"inheritNone","width":"6.05 cm","height":"1.9 cm","binding":"UserProfile.EkstraLogo.ExtraLogoSix_PP_DCU_{{DocumentLanguage}}","disableUpdates":false,"type":"image"}},{"type":"shape","id":"a8ec762a-4b7b-4e43-992a-841cd58bb93d","elementConfiguration":{"inheritDimensions":"inheritWidth","width":"1.91 cm","binding":"UserProfile.Office.LogoH_PP_DCU","disableUpdates":false,"type":"image"}},{"type":"shape","id":"690a6b58-3bbb-4943-9c78-9b9cc3fb4771","elementConfiguration":{"binding":"UserProfile.Office.Virksomhed_{{DocumentLanguage}}","disableUpdates":false,"type":"text"}},{"type":"shape","id":"5f52a5e1-9ba4-42dd-849d-bc595452300a","elementConfiguration":{"binding":"UserProfile.CenterFreeText","visibility":{"action":"hide","binding":"UserProfile.Centers.CenterUI","operator":"notEquals","compareValue":"Intet valgt"},"disableUpdates":false,"type":"text"}},{"type":"shape","id":"04b267fb-5b23-4fce-a31b-ecd0e4197520","elementConfiguration":{"binding":"UserProfile.Centers.Center_{{DocumentLanguage}}","visibility":{"action":"hide","binding":"UserProfile.Centers.CenterUI","operator":"equals","compareValue":"Intet valgt"},"disableUpdates":false,"type":"text"}},{"type":"shape","id":"92e52d66-0338-4b9f-aa72-64bf98ea75ce","elementConfiguration":{"binding":"Form.PresentationTitle","disableUpdates":false,"type":"text"}},{"type":"shape","id":"051954b1-bba7-4e84-a4b6-e784e19ce9e5","elementConfiguration":{"inheritDimensions":"inheritNone","width":"1.9 cm","height":"1.9 cm","binding":"UserProfile.Office.LogoColor_DCU","disableUpdates":false,"type":"image"}},{"type":"shape","id":"d7d3e132-9938-4f73-b448-a3d406dce12c","elementConfiguration":{"inheritDimensions":"inheritNone","width":"3.68 cm","height":"1.17 cm","binding":"UserProfile.EkstraLogo.ExtraLogoPPNEGDCU_{{DocumentLanguage}}","disableUpdates":false,"type":"image"}},{"type":"shape","id":"69c45226-b1e8-41fd-b99a-c5b770afd542","elementConfiguration":{"inheritDimensions":"inheritNone","width":"2.42 cm","height":"2.5 cm","binding":"UserProfile.EkstraLogo.ExtraLogoFive_PP_DCU_{{DocumentLanguage}}","disableUpdates":false,"type":"image"}},{"type":"shape","id":"aa9952b8-0f21-43d9-bd0f-409ec7c918c7","elementConfiguration":{"inheritDimensions":"inheritNone","width":"2.42 cm","height":"2.5 cm","binding":"UserProfile.EkstraLogo.ExtraLogoTwo_PP_DCU_{{DocumentLanguage}}","disableUpdates":false,"type":"image"}},{"type":"shape","id":"114570b1-4fa1-4214-a139-d040b0a73d79","elementConfiguration":{"binding":"UserProfile.Name","visibility":{"action":"hide","binding":"Form.Manuel_dato","operator":"notEquals","compareValue":""},"disableUpdates":false,"type":"text"}},{"type":"shape","id":"9c73e517-8c62-4f19-a658-2f5a30ff2e1c","elementConfiguration":{"binding":"Form.Manuel_dato","visibility":{"action":"hide","operator":"equals","compareValue":""},"disableUpdates":false,"type":"text"}},{"type":"shape","id":"eb239dd7-1bf1-416b-be55-d9f5072ad595","elementConfiguration":{"inheritDimensions":"inheritNone","width":"6.05 cm","height":"1.9 cm","binding":"UserProfile.EkstraLogo.ExtraLogoSix_PP_DCU_{{DocumentLanguage}}","disableUpdates":false,"type":"image"}},{"type":"shape","id":"36aff287-ab89-4e87-8877-21a8aabf4ae1","elementConfiguration":{"inheritDimensions":"inheritWidth","width":"1.91 cm","binding":"UserProfile.Office.LogoH_PP_DCU","disableUpdates":false,"type":"image"}},{"type":"shape","id":"9bf9c936-9395-4362-bb3d-1b77140d0efe","elementConfiguration":{"inheritDimensions":"inheritNone","width":"1.9 cm","height":"1.9 cm","binding":"UserProfile.Office.LogoColor_DCU","disableUpdates":false,"type":"image"}},{"type":"shape","id":"067e0d6c-cd68-4d6f-8318-829807aceb58","elementConfiguration":{"binding":"UserProfile.Office.Virksomhed_{{DocumentLanguage}}","disableUpdates":false,"type":"text"}},{"type":"shape","id":"f01bdc0c-2cc4-4038-8e13-70550fdea2eb","elementConfiguration":{"binding":"UserProfile.CenterFreeText","visibility":{"action":"hide","binding":"UserProfile.Centers.CenterUI","operator":"notEquals","compareValue":"Intet valgt"},"disableUpdates":false,"type":"text"}},{"type":"shape","id":"6a80fbbe-1a35-49bf-9f40-2c14a7c932f4","elementConfiguration":{"binding":"UserProfile.Centers.Center_{{DocumentLanguage}}","visibility":{"action":"hide","binding":"UserProfile.Centers.CenterUI","operator":"equals","compareValue":"Intet valgt"},"disableUpdates":false,"type":"text"}},{"type":"shape","id":"6df07da3-4893-482f-b7b4-138e666c1800","elementConfiguration":{"binding":"Form.PresentationTitle","disableUpdates":false,"type":"text"}},{"type":"shape","id":"55394515-8400-4fa4-91e7-99865cb7ee23","elementConfiguration":{"inheritDimensions":"inheritNone","width":"3.68 cm","height":"1.17 cm","binding":"UserProfile.EkstraLogo.ExtraLogoPPNEGDCU_{{DocumentLanguage}}","disableUpdates":false,"type":"image"}},{"type":"shape","id":"319fb1c1-d0b3-45d0-9e03-7e6ba6efb323","elementConfiguration":{"inheritDimensions":"inheritNone","width":"2.42 cm","height":"2.5 cm","binding":"UserProfile.EkstraLogo.ExtraLogoFive_PP_DCU_{{DocumentLanguage}}","disableUpdates":false,"type":"image"}},{"type":"shape","id":"5fc80e65-44b7-4bba-8334-a610ac6819e6","elementConfiguration":{"inheritDimensions":"inheritNone","width":"2.42 cm","height":"2.5 cm","binding":"UserProfile.EkstraLogo.ExtraLogoTwo_PP_DCU_{{DocumentLanguage}}","disableUpdates":false,"type":"image"}},{"type":"shape","id":"4cd1836c-456e-4594-b03c-8c8d26312030","elementConfiguration":{"binding":"UserProfile.Name","visibility":{"action":"hide","binding":"Form.Manuel_dato","operator":"notEquals","compareValue":""},"disableUpdates":false,"type":"text"}},{"type":"shape","id":"06edd1d6-d87a-43e4-b604-41113accdf1a","elementConfiguration":{"binding":"Form.Manuel_dato","visibility":{"action":"hide","operator":"equals","compareValue":""},"disableUpdates":false,"type":"text"}},{"type":"shape","id":"87418eb6-d77c-4c12-a7c2-21293a4e000f","elementConfiguration":{"inheritDimensions":"inheritNone","width":"6.05 cm","height":"1.9 cm","binding":"UserProfile.EkstraLogo.ExtraLogoSix_PP_DCU_{{DocumentLanguage}}","disableUpdates":false,"type":"image"}},{"type":"shape","id":"5d459078-a0ef-407c-b9a1-96c3affbaf57","elementConfiguration":{"inheritDimensions":"inheritWidth","width":"1.91 cm","binding":"UserProfile.Office.LogoH_PP_DCU","disableUpdates":false,"type":"image"}},{"type":"shape","id":"9df16dcc-07a3-4fc8-9490-1493597ee9fe","elementConfiguration":{"binding":"UserProfile.Office.Virksomhed_{{DocumentLanguage}}","disableUpdates":false,"type":"text"}},{"type":"shape","id":"dfca86f3-6717-4644-a80f-1327bd24ebeb","elementConfiguration":{"binding":"UserProfile.CenterFreeText","visibility":{"action":"hide","binding":"UserProfile.Centers.CenterUI","operator":"notEquals","compareValue":"Intet valgt"},"disableUpdates":false,"type":"text"}},{"type":"shape","id":"b1696944-d3ae-464a-b1cf-9797ea7e070c","elementConfiguration":{"binding":"UserProfile.Centers.Center_{{DocumentLanguage}}","visibility":{"action":"hide","binding":"UserProfile.Centers.CenterUI","operator":"equals","compareValue":"Intet valgt"},"disableUpdates":false,"type":"text"}},{"type":"shape","id":"71342f7a-f742-4332-84ae-cde5cbd98533","elementConfiguration":{"binding":"Form.PresentationTitle","disableUpdates":false,"type":"text"}},{"type":"shape","id":"952127c2-d1aa-4ab3-8680-47581bad3517","elementConfiguration":{"inheritDimensions":"inheritNone","width":"1.9 cm","height":"1.9 cm","binding":"UserProfile.Office.LogoColor_DCU","disableUpdates":false,"type":"image"}},{"type":"shape","id":"07ab63e0-aeeb-485b-a45b-b45b158258cf","elementConfiguration":{"inheritDimensions":"inheritNone","width":"3.68 cm","height":"1.17 cm","binding":"UserProfile.EkstraLogo.ExtraLogoPPNEGDCU_{{DocumentLanguage}}","disableUpdates":false,"type":"image"}},{"type":"shape","id":"f395763d-5a11-4258-9ba6-8d8e6e3f5fe8","elementConfiguration":{"inheritDimensions":"inheritNone","width":"2.42 cm","height":"2.5 cm","binding":"UserProfile.EkstraLogo.ExtraLogoFive_PP_DCU_{{DocumentLanguage}}","disableUpdates":false,"type":"image"}},{"type":"shape","id":"eb680f83-4833-4c9f-b6da-6ca4221be62c","elementConfiguration":{"inheritDimensions":"inheritNone","width":"2.42 cm","height":"2.5 cm","binding":"UserProfile.EkstraLogo.ExtraLogoTwo_PP_DCU_{{DocumentLanguage}}","disableUpdates":false,"type":"image"}},{"type":"shape","id":"fd0acbff-1301-4e79-bf92-044e172752e4","elementConfiguration":{"binding":"UserProfile.Name","visibility":{"action":"hide","binding":"Form.Manuel_dato","operator":"notEquals","compareValue":""},"disableUpdates":false,"type":"text"}},{"type":"shape","id":"f4f28eea-6cf9-40ea-92c0-d9158fd302ee","elementConfiguration":{"binding":"Form.Manuel_dato","visibility":{"action":"hide","operator":"equals","compareValue":""},"disableUpdates":false,"type":"text"}},{"type":"shape","id":"8935301f-61c7-4730-9f6e-4fa6dcec5319","elementConfiguration":{"inheritDimensions":"inheritNone","width":"6.05 cm","height":"1.9 cm","binding":"UserProfile.EkstraLogo.ExtraLogoSix_PP_DCU_{{DocumentLanguage}}","disableUpdates":false,"type":"image"}},{"type":"shape","id":"62826bdf-d1c1-466a-b32d-cdf50f5913f8","elementConfiguration":{"inheritDimensions":"inheritWidth","width":"1.91 cm","binding":"UserProfile.Office.LogoH_PP_DCU","disableUpdates":false,"type":"image"}},{"type":"shape","id":"b50dc294-41ff-428c-92a6-e334d7f28084","elementConfiguration":{"inheritDimensions":"inheritNone","width":"3.68 cm","height":"1.17 cm","binding":"UserProfile.EkstraLogo.ExtraLogoPPDCU_{{DocumentLanguage}}","disableUpdates":false,"type":"image"}},{"type":"shape","id":"3229c4b0-e886-4fdb-a9d3-5ba9dc58627b","elementConfiguration":{"binding":"UserProfile.Office.Virksomhed_{{DocumentLanguage}}","disableUpdates":false,"type":"text"}},{"type":"shape","id":"e49f74ad-7104-483c-af5d-d29eaa11f717","elementConfiguration":{"binding":"UserProfile.CenterFreeText","visibility":{"action":"hide","binding":"UserProfile.Centers.CenterUI","operator":"notEquals","compareValue":"Intet valgt"},"disableUpdates":false,"type":"text"}},{"type":"shape","id":"6ed4a001-e8c2-4413-a83d-0f8f6e875cef","elementConfiguration":{"binding":"UserProfile.Centers.Center_{{DocumentLanguage}}","visibility":{"action":"hide","binding":"UserProfile.Centers.CenterUI","operator":"equals","compareValue":"Intet valgt"},"disableUpdates":false,"type":"text"}},{"type":"shape","id":"c1dd6efc-dd61-4ffe-a168-6f5cdc2206f7","elementConfiguration":{"binding":"Form.PresentationTitle","disableUpdates":false,"type":"text"}},{"type":"shape","id":"b33f455a-b36f-41c0-ac08-a76c786cea13","elementConfiguration":{"inheritDimensions":"inheritNone","width":"2.42 cm","height":"2.5 cm","binding":"UserProfile.EkstraLogo.ExtraLogoFive_PP_DCU_{{DocumentLanguage}}","disableUpdates":false,"type":"image"}},{"type":"shape","id":"b4e11d45-d7cd-4dfd-b8a1-d610f2e3f739","elementConfiguration":{"inheritDimensions":"inheritNone","width":"2.42 cm","height":"2.5 cm","binding":"UserProfile.EkstraLogo.ExtraLogoTwo_PP_DCU_{{DocumentLanguage}}","disableUpdates":false,"type":"image"}},{"type":"shape","id":"8199f843-affb-4a7a-91f6-3675d7511363","elementConfiguration":{"binding":"UserProfile.Name","visibility":{"action":"hide","binding":"Form.Manuel_dato","operator":"notEquals","compareValue":""},"disableUpdates":false,"type":"text"}},{"type":"shape","id":"ffc03fd1-2b87-4fbb-97e7-0ef724a56856","elementConfiguration":{"binding":"Form.Manuel_dato","visibility":{"action":"hide","operator":"equals","compareValue":""},"disableUpdates":false,"type":"text"}},{"type":"shape","id":"934041d1-9c6a-43c5-9f5e-4bc9941f1283","elementConfiguration":{"inheritDimensions":"inheritNone","width":"1.9 cm","height":"19.05 cm","binding":"UserProfile.Office.LogoColor_DCU","disableUpdates":false,"type":"image"}},{"type":"shape","id":"3470c35c-63a2-426a-8f4a-e7fbe569d6d2","elementConfiguration":{"inheritDimensions":"inheritNone","width":"6.05 cm","height":"1.9 cm","binding":"UserProfile.EkstraLogo.ExtraLogoSix_PP_DCU_{{DocumentLanguage}}","disableUpdates":false,"type":"image"}},{"type":"shape","id":"1c09c1f9-cf74-4340-a74c-66ec6b6498bb","elementConfiguration":{"inheritDimensions":"inheritWidth","width":"1.91 cm","binding":"UserProfile.Office.LogoH_PP_DCU","disableUpdates":false,"type":"image"}},{"type":"shape","id":"d6b53b64-0436-431b-a82a-88d01f2ad5e1","elementConfiguration":{"binding":"UserProfile.Office.Virksomhed_{{DocumentLanguage}}","disableUpdates":false,"type":"text"}},{"type":"shape","id":"615bbf61-4e08-4b43-bc4e-9b1651252737","elementConfiguration":{"binding":"UserProfile.CenterFreeText","visibility":{"action":"hide","binding":"UserProfile.Centers.CenterUI","operator":"notEquals","compareValue":"Intet valgt"},"disableUpdates":false,"type":"text"}},{"type":"shape","id":"f1c7f6a8-2a28-4efe-878f-4cde1c7a5c53","elementConfiguration":{"binding":"UserProfile.Centers.Center_{{DocumentLanguage}}","visibility":{"action":"hide","binding":"UserProfile.Centers.CenterUI","operator":"equals","compareValue":"Intet valgt"},"disableUpdates":false,"type":"text"}},{"type":"shape","id":"f4d30cf7-410d-4767-a1d9-1c12e5d1b755","elementConfiguration":{"binding":"Form.PresentationTitle","disableUpdates":false,"type":"text"}},{"type":"shape","id":"d238ad1c-3252-4c8d-a303-bdba8bad72b8","elementConfiguration":{"inheritDimensions":"inheritNone","width":"1.9 cm","height":"1.9 cm","binding":"UserProfile.Office.LogoColor_DCU","disableUpdates":false,"type":"image"}},{"type":"shape","id":"cf4a0cdb-7b72-41dd-9ef2-1ffcc2c2d7cd","elementConfiguration":{"inheritDimensions":"inheritNone","width":"3.68 cm","height":"1.17 cm","binding":"UserProfile.EkstraLogo.ExtraLogoPPNEGDCU_{{DocumentLanguage}}","disableUpdates":false,"type":"image"}},{"type":"shape","id":"b8219ad0-b583-4934-a4d6-35e778964029","elementConfiguration":{"inheritDimensions":"inheritNone","width":"2.42 cm","height":"2.5 cm","binding":"UserProfile.EkstraLogo.ExtraLogoFive_PP_DCU_{{DocumentLanguage}}","disableUpdates":false,"type":"image"}},{"type":"shape","id":"ae92c1ef-8b27-4d49-ad06-d35ee1071fa5","elementConfiguration":{"inheritDimensions":"inheritNone","width":"2.42 cm","height":"2.5 cm","binding":"UserProfile.EkstraLogo.ExtraLogoTwo_PP_DCU_{{DocumentLanguage}}","disableUpdates":false,"type":"image"}},{"type":"shape","id":"abc123de-d2a5-4291-8e4f-e4a7f951a7e9","elementConfiguration":{"binding":"UserProfile.Name","visibility":{"action":"hide","binding":"Form.Manuel_dato","operator":"notEquals","compareValue":""},"disableUpdates":false,"type":"text"}},{"type":"shape","id":"0a951592-3d1f-42f9-abf9-e373306e3d41","elementConfiguration":{"binding":"Form.Manuel_dato","visibility":{"action":"hide","operator":"equals","compareValue":""},"disableUpdates":false,"type":"text"}},{"type":"shape","id":"5098802f-c137-44c1-ac86-5d41fc3db34b","elementConfiguration":{"inheritDimensions":"inheritNone","width":"6.05 cm","height":"1.9 cm","binding":"UserProfile.EkstraLogo.ExtraLogoSix_PP_DCU_{{DocumentLanguage}}","disableUpdates":false,"type":"image"}},{"type":"shape","id":"f2fee0fd-f26d-4dce-9787-734dea33b472","elementConfiguration":{"inheritDimensions":"inheritWidth","width":"1.91 cm","binding":"UserProfile.Office.LogoH_PP_DCU","disableUpdates":false,"type":"image"}},{"type":"shape","id":"e791a2f8-d9b8-4c20-8936-28d955a77377","elementConfiguration":{"binding":"UserProfile.Office.Virksomhed_{{DocumentLanguage}}","disableUpdates":false,"type":"text"}},{"type":"shape","id":"a9ad540b-9b7c-4899-9974-a2d6d0b9b9a6","elementConfiguration":{"binding":"UserProfile.CenterFreeText","visibility":{"action":"hide","binding":"UserProfile.Centers.CenterUI","operator":"notEquals","compareValue":"Intet valgt"},"disableUpdates":false,"type":"text"}},{"type":"shape","id":"b607365a-2dd2-44c4-8f54-2380f531ce8d","elementConfiguration":{"binding":"UserProfile.Centers.Center_{{DocumentLanguage}}","visibility":{"action":"hide","binding":"UserProfile.Centers.CenterUI","operator":"equals","compareValue":"Intet valgt"},"disableUpdates":false,"type":"text"}},{"type":"shape","id":"3b62de31-b1e5-45e9-b664-48339af6b8e6","elementConfiguration":{"binding":"Form.PresentationTitle","disableUpdates":false,"type":"text"}},{"type":"shape","id":"8d67dfdf-8419-49f3-a022-45c0457a9b23","elementConfiguration":{"inheritDimensions":"inheritNone","width":"2.42 cm","height":"2.5 cm","binding":"UserProfile.EkstraLogo.ExtraLogoFive_PP_DCU_{{DocumentLanguage}}","disableUpdates":false,"type":"image"}},{"type":"shape","id":"43bf7584-5094-4a8b-b4c1-377884e67d27","elementConfiguration":{"inheritDimensions":"inheritNone","width":"2.42 cm","height":"2.5 cm","binding":"UserProfile.EkstraLogo.ExtraLogoTwo_PP_DCU_{{DocumentLanguage}}","disableUpdates":false,"type":"image"}},{"type":"shape","id":"bef03480-275c-4b94-830a-7609e8da6c78","elementConfiguration":{"binding":"UserProfile.Name","visibility":{"action":"hide","binding":"Form.Manuel_dato","operator":"notEquals","compareValue":""},"disableUpdates":false,"type":"text"}},{"type":"shape","id":"3c219a45-fa42-4c40-8f8a-c7cada8b6d4c","elementConfiguration":{"binding":"Form.Manuel_dato","visibility":{"action":"hide","operator":"equals","compareValue":""},"disableUpdates":false,"type":"text"}},{"type":"shape","id":"5ede727b-be2f-4ddb-bc9e-48f32d5cda46","elementConfiguration":{"inheritDimensions":"inheritNone","width":"1.9 cm","height":"19.05 cm","binding":"UserProfile.Office.LogoColor_DCU","disableUpdates":false,"type":"image"}},{"type":"shape","id":"cd6911b5-475f-48a1-8ae2-78ad436b7403","elementConfiguration":{"inheritDimensions":"inheritNone","width":"3.68 cm","height":"1.17 cm","binding":"UserProfile.EkstraLogo.ExtraLogoPPNEGDCU_{{DocumentLanguage}}","disableUpdates":false,"type":"image"}},{"type":"shape","id":"d7e2272a-5c62-41cd-892d-9a48524d8d13","elementConfiguration":{"inheritDimensions":"inheritNone","width":"6.05 cm","height":"1.9 cm","binding":"UserProfile.EkstraLogo.ExtraLogoSix_PP_DCU_{{DocumentLanguage}}","disableUpdates":false,"type":"image"}},{"type":"shape","id":"c3190e28-6114-439c-8528-ac97fe685567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","templateDescription":"","enableDocumentContentUpdater":true,"version":"1.3"}]]></Templafy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7FA764BE-93AE-4A1F-94F8-EB73EE3F6FA7}">
  <ds:schemaRefs/>
</ds:datastoreItem>
</file>

<file path=customXml/itemProps10.xml><?xml version="1.0" encoding="utf-8"?>
<ds:datastoreItem xmlns:ds="http://schemas.openxmlformats.org/officeDocument/2006/customXml" ds:itemID="{E53D1538-2B10-42E3-B3A2-D052B27F0EF7}">
  <ds:schemaRefs/>
</ds:datastoreItem>
</file>

<file path=customXml/itemProps2.xml><?xml version="1.0" encoding="utf-8"?>
<ds:datastoreItem xmlns:ds="http://schemas.openxmlformats.org/officeDocument/2006/customXml" ds:itemID="{026957DE-A263-4C3E-96D4-107DEBA1D471}">
  <ds:schemaRefs/>
</ds:datastoreItem>
</file>

<file path=customXml/itemProps3.xml><?xml version="1.0" encoding="utf-8"?>
<ds:datastoreItem xmlns:ds="http://schemas.openxmlformats.org/officeDocument/2006/customXml" ds:itemID="{5DFC8546-DDC8-489F-B7A8-6D524B97984E}">
  <ds:schemaRefs/>
</ds:datastoreItem>
</file>

<file path=customXml/itemProps4.xml><?xml version="1.0" encoding="utf-8"?>
<ds:datastoreItem xmlns:ds="http://schemas.openxmlformats.org/officeDocument/2006/customXml" ds:itemID="{BE8F26EB-1153-4B98-AAC3-D117DA0F337D}">
  <ds:schemaRefs/>
</ds:datastoreItem>
</file>

<file path=customXml/itemProps5.xml><?xml version="1.0" encoding="utf-8"?>
<ds:datastoreItem xmlns:ds="http://schemas.openxmlformats.org/officeDocument/2006/customXml" ds:itemID="{1D7E9E62-33BB-4D1B-A60A-11F6213652CE}">
  <ds:schemaRefs/>
</ds:datastoreItem>
</file>

<file path=customXml/itemProps6.xml><?xml version="1.0" encoding="utf-8"?>
<ds:datastoreItem xmlns:ds="http://schemas.openxmlformats.org/officeDocument/2006/customXml" ds:itemID="{B0D2E709-FA3C-4E2D-A1F5-DD257C406372}">
  <ds:schemaRefs/>
</ds:datastoreItem>
</file>

<file path=customXml/itemProps7.xml><?xml version="1.0" encoding="utf-8"?>
<ds:datastoreItem xmlns:ds="http://schemas.openxmlformats.org/officeDocument/2006/customXml" ds:itemID="{978984FF-6C25-4FD4-85EA-2F9586C8CA61}">
  <ds:schemaRefs/>
</ds:datastoreItem>
</file>

<file path=customXml/itemProps8.xml><?xml version="1.0" encoding="utf-8"?>
<ds:datastoreItem xmlns:ds="http://schemas.openxmlformats.org/officeDocument/2006/customXml" ds:itemID="{7200C2A8-2F34-4CEB-AC93-8D1E85273CDA}">
  <ds:schemaRefs/>
</ds:datastoreItem>
</file>

<file path=customXml/itemProps9.xml><?xml version="1.0" encoding="utf-8"?>
<ds:datastoreItem xmlns:ds="http://schemas.openxmlformats.org/officeDocument/2006/customXml" ds:itemID="{B518EF32-D7ED-4D8E-80D0-C33C01DB34B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33</Words>
  <Application>Microsoft Office PowerPoint</Application>
  <PresentationFormat>Widescreen</PresentationFormat>
  <Paragraphs>115</Paragraphs>
  <Slides>14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4</vt:i4>
      </vt:variant>
    </vt:vector>
  </HeadingPairs>
  <TitlesOfParts>
    <vt:vector size="18" baseType="lpstr">
      <vt:lpstr>Arial</vt:lpstr>
      <vt:lpstr>Calibri</vt:lpstr>
      <vt:lpstr>mariregular</vt:lpstr>
      <vt:lpstr>REGION H Hospital PowerPoint Skabelon_DKfinal</vt:lpstr>
      <vt:lpstr>Sundhedsstyrelsens uddannelsespris – Årets højdespringer</vt:lpstr>
      <vt:lpstr>Agenda – besvare følgende spørgsmål</vt:lpstr>
      <vt:lpstr>Hvad rykkede mest fra sidste inspektorbesøg?</vt:lpstr>
      <vt:lpstr>Der kom nye kræfter til, som ville noget med Akutafdelingen</vt:lpstr>
      <vt:lpstr>Generel undervisningsplan </vt:lpstr>
      <vt:lpstr>Generel undervisningsplan (forts)</vt:lpstr>
      <vt:lpstr>Da uddannelses skabelonen var udviklet  kunne Akutafdelingen rekruttere flere læger</vt:lpstr>
      <vt:lpstr>Vejleder / vejledte oversigt HU og Intro</vt:lpstr>
      <vt:lpstr>Vejleder / vejledte oversigt KBU</vt:lpstr>
      <vt:lpstr> Afdelingens særlige initiativ er Fellowship  – hvad omhandler dette, og hvordan bruges det uddannelsesmæssigt?  </vt:lpstr>
      <vt:lpstr>Afdelingen arbejder med tværsektorielle teams – hvad indebærer dette, og hvordan bidrager det til afdelingens uddannelsespotentiale? </vt:lpstr>
      <vt:lpstr>Hvad kunne I tænke jer af inspektorbesøg fremadrettet? </vt:lpstr>
      <vt:lpstr>Vores vision</vt:lpstr>
      <vt:lpstr>Taksigelser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3-04-27T08:02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20-08-18T11:59:43.9440160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7213415698348520</vt:lpwstr>
  </property>
  <property fmtid="{D5CDD505-2E9C-101B-9397-08002B2CF9AE}" pid="7" name="TemplafyLanguageCode">
    <vt:lpwstr>da-DK</vt:lpwstr>
  </property>
</Properties>
</file>